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connections.xml" ContentType="application/vnd.openxmlformats-officedocument.spreadsheetml.connections+xml"/>
  <Override PartName="/xl/styles.xml" ContentType="application/vnd.openxmlformats-officedocument.spreadsheetml.styles+xml"/>
  <Override PartName="/xl/sharedStrings.xml" ContentType="application/vnd.openxmlformats-officedocument.spreadsheetml.sharedStrings+xml"/>
  <Override PartName="/xl/queryTables/queryTable1.xml" ContentType="application/vnd.openxmlformats-officedocument.spreadsheetml.queryTabl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133.220.11.161\図書館事務室\data\22.ミステリ関係\ミステリ目録\"/>
    </mc:Choice>
  </mc:AlternateContent>
  <bookViews>
    <workbookView xWindow="0" yWindow="0" windowWidth="20490" windowHeight="7770"/>
  </bookViews>
  <sheets>
    <sheet name="洋図書" sheetId="2" r:id="rId1"/>
  </sheets>
  <definedNames>
    <definedName name="_xlnm.Print_Area" localSheetId="0">洋図書!$A$1:$C$5482</definedName>
    <definedName name="_xlnm.Print_Titles" localSheetId="0">洋図書!$1:$1</definedName>
    <definedName name="test" localSheetId="0">洋図書!$A$1:$B$5482</definedName>
  </definedNames>
  <calcPr calcId="152511"/>
  <extLst>
    <ext xmlns:x15="http://schemas.microsoft.com/office/spreadsheetml/2010/11/main" uri="{140A7094-0E35-4892-8432-C4D2E57EDEB5}">
      <x15:workbookPr chartTrackingRefBase="1"/>
    </ext>
  </extLst>
</workbook>
</file>

<file path=xl/connections.xml><?xml version="1.0" encoding="utf-8"?>
<connections xmlns="http://schemas.openxmlformats.org/spreadsheetml/2006/main">
  <connection id="1" name="test" type="6" refreshedVersion="5" background="1" saveData="1">
    <textPr codePage="65001" sourceFile="\\jimnet.seikei.ac.jp\dfs\home\s02438\Desktop\test.xls" delimiter="_x0000_">
      <textFields count="4">
        <textField/>
        <textField/>
        <textField/>
        <textField/>
      </textFields>
    </textPr>
  </connection>
</connections>
</file>

<file path=xl/sharedStrings.xml><?xml version="1.0" encoding="utf-8"?>
<sst xmlns="http://schemas.openxmlformats.org/spreadsheetml/2006/main" count="10965" uniqueCount="6772">
  <si>
    <t>資料番号</t>
  </si>
  <si>
    <t>書名</t>
  </si>
  <si>
    <t>請求記号</t>
  </si>
  <si>
    <t>ケネディ大統領演説集 : 英和対照 / ジョン・F.ケネディ著, 黒田和雄訳 ; [正], 続.-- 原書房; 1963-1964.</t>
  </si>
  <si>
    <t>310.4/Ke48</t>
  </si>
  <si>
    <t>More work for the undertaker / Margery Allingham.-- Pocket Books; 1950.-- (Pocket book ; 665).</t>
  </si>
  <si>
    <t>823.91/A41</t>
  </si>
  <si>
    <t>Sweet danger / Margery Allingham.-- Penguin Books; 1951.-- (Penguin books ; 769 . Mystery and crime).</t>
  </si>
  <si>
    <t>The tiger in the smoke / Margery Allingham.-- Avon Book; c1952.-- (Avon ; T-530 . An Albert Campion mystery).</t>
  </si>
  <si>
    <t>The bishop's crime / by H.C. Bailey.-- Stamford House; 1946, c1942.-- (Original pony book ; 60).</t>
  </si>
  <si>
    <t>823.91/B14</t>
  </si>
  <si>
    <t>Dead storage / by George Bagby.-- Dell; 1957.-- (Dell Book ; 949).</t>
  </si>
  <si>
    <t>813.5/B14</t>
  </si>
  <si>
    <t>Trent intervenes / E.C. Bentley.-- Penguin Books; 1953.-- (Penguin books ; 915 . Mystery and crime).</t>
  </si>
  <si>
    <t>823.91/B35</t>
  </si>
  <si>
    <t>Trent's last case / E.C. Bentley.-- Penguin Books; 1952.-- (Penguin books ; 78 . Mystery and crime).</t>
  </si>
  <si>
    <t>The poisoned chocolates case / Anthony Berkeley.-- Penguin Books; 1937.-- (Penguin books ; 58 . Mystery and crime).</t>
  </si>
  <si>
    <t>823.91/B38</t>
  </si>
  <si>
    <t>Trial and error / by Anthony Berkeley.-- Pocket Books; 1945.-- (Pocket book ; 307).</t>
  </si>
  <si>
    <t>The black camel : a Charlie Chan mystery / Earl Derr Biggers.-- Pocket Books; 1942.-- (Pocket book ; 133).</t>
  </si>
  <si>
    <t>813.5/B42</t>
  </si>
  <si>
    <t>Million dollar murder / by Thomas Black.-- Bantam Books; 1956.-- (Bantam books ; 1448).</t>
  </si>
  <si>
    <t>813.5/B52</t>
  </si>
  <si>
    <t>A penknife in my heart / by Nicholas Blake.-- Fawcett; 1960, c1958.-- (Crest book ; s388).</t>
  </si>
  <si>
    <t>823.91/B53</t>
  </si>
  <si>
    <t>A question of proof / by Nicholas Blake.-- Copyright ed.-- Published for Crime Club by Albatross; c1935.-- (The Albatross continental Crime Club library ; v. 142).</t>
  </si>
  <si>
    <t>Death and Daisy Bland / Nicholas Blake.-- Dell; 1960, c1956.-- (Dell Book ; D339).</t>
  </si>
  <si>
    <t>The beast must die / by Nicholas Blake.-- Dell; 1958, c1938.-- (Dell Book ; D227).</t>
  </si>
  <si>
    <t>A collar for the killer / Herbert Brean.-- Transworld; 1958.-- (Corgi books ; S620).</t>
  </si>
  <si>
    <t>813.5/B72</t>
  </si>
  <si>
    <t>The darker the night / by Herbert Brean.-- Pocket Books; 1950, c1949.-- (Pocket book ; 698).</t>
  </si>
  <si>
    <t>The traces of Brillhart / by Herbert Brean.-- Collier Books; 1965, c1960.-- (A Collier mystery ; 1777).</t>
  </si>
  <si>
    <t>The case of the seven sneezes / Anthony Boucher.-- Pyramid Books; 1966, c1942.-- (Pyramid books ; R-1542 . A green door mystery).</t>
  </si>
  <si>
    <t>813.5/B67</t>
  </si>
  <si>
    <t>Terror comes creeping / Carter Brown.-- New American Library; c1959.-- (A Signet book ; 1750).</t>
  </si>
  <si>
    <t>823.91/B77</t>
  </si>
  <si>
    <t>Pavilion of women / Pearl S. Buck.-- Pocket Books; 1949, c1946.-- (Pocket book ; 642).</t>
  </si>
  <si>
    <t>813.5/B82</t>
  </si>
  <si>
    <t>The jury / Gerald Bullett.-- Rev. ed.-- Pan Books; 1957.-- (Pan books ; GP65 . Great Pan).</t>
  </si>
  <si>
    <t>823.91/B88</t>
  </si>
  <si>
    <t>Mildred Pierce / by James M. Cain.-- New American Library; 1950, c1941.-- (A Signet book ; 591).</t>
  </si>
  <si>
    <t>813.5/C12</t>
  </si>
  <si>
    <t>With bated breath / by Alice Campbell.-- Editions for the Armed Services; c1946.-- (Armed services editions ; 1188).</t>
  </si>
  <si>
    <t>813.5/C14</t>
  </si>
  <si>
    <t>Experiment perilous / by Margaret Carpenter.-- Pocket Books; 1945, c1943.-- (Pocket book ; 278).</t>
  </si>
  <si>
    <t>813.5/C21</t>
  </si>
  <si>
    <t>The case of the constant suicides / John Dickson Carr.-- Penguin Books in association with Hamish Hamilton; 1953 .-- (Penguin books ; 947 . Mystery and crime).</t>
  </si>
  <si>
    <t>813.5/C22</t>
  </si>
  <si>
    <t>The case of the constant suicides / John Dickson Carr.-- Penguin Books in association with Hamish Hamilton; 1955.-- (Penguin books ; 947).</t>
  </si>
  <si>
    <t>Castle Skull / John Dickson Carr.-- Pocket Books; 1947, c1931.-- (Pocket book ; 448).</t>
  </si>
  <si>
    <t>The crooked hinge : a Dr. Gideon Fell mystery novel / by John Dickson Carr.-- B.S. Rogin.-- (Popular library ; 19 . Mysteries of Proven Merit).</t>
  </si>
  <si>
    <t>The crooked hinge / by John Dickson Carr.-- Dell; c1938.-- (Dell Book ; 859).</t>
  </si>
  <si>
    <t>Death turns the tables / John Dickson Carr.-- Pocket Books; 1946, c1941.-- (Pocket book ; 350).</t>
  </si>
  <si>
    <t>Hag's nook / by John Dickson Carr.-- Dell; c1933.-- (Dell Book ; 537 . A Gideon Fell mystery).</t>
  </si>
  <si>
    <t>The lost gallows / John Dickson Carr.-- Pocket Books; 1947, c1931.-- (Pocket book ; 436).</t>
  </si>
  <si>
    <t>The mad hatter mystery / John Dickson Carr.-- Dell; c1933.-- (Dell Book ; 706).</t>
  </si>
  <si>
    <t>The man who could not shudder / John Dickson Carr.-- Bantam Books; 1949, c1940.-- (Bantam books ; 365).</t>
  </si>
  <si>
    <t>The sleeping sphinx / by John Dickson Carr.-- Bantam; 1952, c1947.-- (Bantam books ; 996).</t>
  </si>
  <si>
    <t>To wake the dead / by John Dickson Carr.-- Dell; c1938.-- (Dell Book ; 635).</t>
  </si>
  <si>
    <t>Laura / by Vera Caspary.-- Dell; 1957, c1943.-- (Dell Book ; D188).</t>
  </si>
  <si>
    <t>813.5/C25</t>
  </si>
  <si>
    <t>The big sleep / by Raymond Chandler.-- Avon Book; c1943.-- (New Avon Library).</t>
  </si>
  <si>
    <t>813.5/C33</t>
  </si>
  <si>
    <t>The high window / by Raymond Chandler.-- Pocket Books; 1945, c1942.-- (Pocket book ; 320 . Another Philip Marlowe mystery).</t>
  </si>
  <si>
    <t>The lady in the lake / by Raymond Chandler.-- Editions for the Armed Services; c1943.-- (Armed services editions ; 838).</t>
  </si>
  <si>
    <t>The little sister / Raymond Chandler.-- Pocket Books; 1951, c1949.-- (Pocket book ; 750 ; mystery).</t>
  </si>
  <si>
    <t>The long goodbye / Raymond Chandler.-- Pocket Books; 1955, c1953.-- (Pocket book ; 1044 ; mystery ; 4 . The newest Philip Marlowe murder-mystery).</t>
  </si>
  <si>
    <t>Pearls are a nuisance / Raymond Chandler.-- Pan Books; 1980, c1950.</t>
  </si>
  <si>
    <t>Pick-up on Noon Street : four stories from The simple art of murder / Raymond Chandler.-- Pocket Books; 1952, c1939.-- (Pocket book ; 2846 ; mystery ; 6).</t>
  </si>
  <si>
    <t>The simple art of murder / Raymond Chandle.-- Pocket Books; 1953, c1950.-- (Pocket book ; 916 ; mystery).</t>
  </si>
  <si>
    <t>The happy highwayman : some further adventures of the Saint / by Leslie Charteris.-- Pocket Books; 1945, c1939.-- (Pocket book ; 272 . Nine adventures of the Saint).</t>
  </si>
  <si>
    <t>813.5/C35</t>
  </si>
  <si>
    <t>The man who was Thursday / by G.K. Chesterton.-- Editions for the Armed Services; c1908.-- (Armed services editions ; 984).</t>
  </si>
  <si>
    <t>823.91/C39</t>
  </si>
  <si>
    <t>Blood will tell / by Agatha Christie.-- [Detective Book Club]; [1951?].</t>
  </si>
  <si>
    <t>823.91/C58</t>
  </si>
  <si>
    <t>The body in the library / by Agatha Christie.-- Pocket Books; 1946, c1942.-- (Pocket book ; 341).</t>
  </si>
  <si>
    <t>Cards on the table : an Hercule Poirot murder mystery / by Agatha Christie.-- Dell; 1956, c1936.-- (Dell Book ; 912 . A Hercule Poirot murder mystery).</t>
  </si>
  <si>
    <t>A Caribbean mystery : featuring Miss Marple, the original character as created / by Agatha Christie.-- W. Collins; 1967, c1964.-- (Fontana books ; 1418).</t>
  </si>
  <si>
    <t>The clocks / Agatha Christie.-- Pocket Books; 1965, c1963.-- (Pocket book ; 50442).</t>
  </si>
  <si>
    <t>Death comes as the end / Agatha Christie.-- Pocket Books; 1947, c1944.-- (Pocket book ; 465).</t>
  </si>
  <si>
    <t>Dead man's mirror / Agatha Christie.-- Dell; 1958, c1936.-- (Dell Book ; D235).</t>
  </si>
  <si>
    <t>Destination unknown / Agatha Christie.-- W. Collins, 1959.-- (Fontana books ; 228).</t>
  </si>
  <si>
    <t>Five little pigs / Agatha Christie.-- W. Collins; 1972, c1942.-- (Fontana books ; 2603).</t>
  </si>
  <si>
    <t>Five little pigs / Agatha Christie.-- Pan Books; 1953.-- (Pan books ; 264 . A Poirot detective story).</t>
  </si>
  <si>
    <t>Hickory dickory death / Agatha Christie.-- Pocket Books; 1957, c1955.-- (Pocket book ; 1151 ; mystery ; 1).</t>
  </si>
  <si>
    <t>The man in the brown suit / by Agatha Christie.-- Dell; c1924.-- (Dell Book ; 319 . An exciting murder mystery).</t>
  </si>
  <si>
    <t>The mirror crack'd from side to side / Agatha Christie.-- W. Collins; 1965, c1962.-- (Fontana books ; 1077).</t>
  </si>
  <si>
    <t>Mr. Parker Pyne, detective / Agatha Christie.-- Dell; 1957, c1933.-- (Dell Book ; 961).</t>
  </si>
  <si>
    <t>The Murder at the vicarage / Agatha Christie.-- Collins' Clear-Type Press; [19--].-- (Collins mystery novel ; 26).</t>
  </si>
  <si>
    <t>Murder in the Calais Coach / by Agatha Christie.-- Pocket Books; 1944, c1934.-- (Pocket book ; 79).</t>
  </si>
  <si>
    <t>Murder in three acts : a Hercule Poirot mystery / by Agatha Christie.-- Avon Book; c1945.-- (Avon books ; 61).</t>
  </si>
  <si>
    <t>The murder of Roger Ackroyd / by Agatha Christie.-- Pocket Books; 1945, c1926.-- (Pocket book ; 5).</t>
  </si>
  <si>
    <t>Murder on the Orient Express / by Agatha Christie.-- Published for the Crime Club by Collins; 1936.-- (Crime club ; v. 1).</t>
  </si>
  <si>
    <t>The mysterious affair at styles / Agatha Christie.-- Penguin Books; 1937.-- (Penguin books ; 61 . Mystery and crime).</t>
  </si>
  <si>
    <t>The mysterious Mr. Quin / by Agatha Christie.-- Grosset &amp; Dunlap; 1930.</t>
  </si>
  <si>
    <t>Lucky Jim / Kingsley Amis.-- Landsborough; 1959.-- (A Four Square book ; 83).</t>
  </si>
  <si>
    <t>823.91/A45</t>
  </si>
  <si>
    <t>Henry Miller, expatriate / Annette Kar Baxter.-- University of Pittsburgh Press; c1961.-- (Critical essays in English and American literature ; 5).</t>
  </si>
  <si>
    <t>814.5/B28</t>
  </si>
  <si>
    <t>Trent's last case / E.C. Bentley.-- Penguin Books; 1937.-- (Penguin books ; 78 . The Bodley Head).</t>
  </si>
  <si>
    <t>Charlie Chan carries on / Earl Derr Biggers.-- Pocket Books; 1943, c1930.-- (Pocket book ; 207 ; mystery).</t>
  </si>
  <si>
    <t>Famous stories of code and cipher / edited by Raymond T. Bond.-- Rinehart; c1947.</t>
  </si>
  <si>
    <t>808.83/B64</t>
  </si>
  <si>
    <t>The lonely hearts murders : introduction to murder / by Wenzell Brown.-- New American Library; 1952.-- (A Signet book ; 981).</t>
  </si>
  <si>
    <t>813.5/B77</t>
  </si>
  <si>
    <t>Sherlock Holmes : fact or fiction? / by T.S. Blakeney.-- John Murray; 1932.</t>
  </si>
  <si>
    <t>The thirty-nine steps / John Buchan.-- Pan Books; 1961.-- (Pan books ; G218 . Great Pan).</t>
  </si>
  <si>
    <t>823.91/B81</t>
  </si>
  <si>
    <t>The nine wrong answers / by John Dickson Carr.-- New abridged ed.-- Bantam Books; 1955.-- (Bantam books).</t>
  </si>
  <si>
    <t>Patrick Butler for the defense : a detective novel / by John Dickson Carr.-- Bantam Books; 1957.-- (Bantam books ; 1682).</t>
  </si>
  <si>
    <t>Killer in the rain / Raymond Chandler ; with an introduction by Philip Durham.-- Penguin Books; 1966.-- (Penguin books ; C2445).</t>
  </si>
  <si>
    <t>The incredulity of Father Brown / by G.K. Chesterton.-- B. Tauchnitz; 1926.-- (Collection of British authors ; v. 4739).</t>
  </si>
  <si>
    <t>The innocence of Father Brown / by G.K. Chesterton.-- Copyright ed.-- B. Tauchnitz; 1911.-- (Collection of British authors ; v. 4282).</t>
  </si>
  <si>
    <t>The secret of father Brown / by G.K.Chesterton.-- Copyright ed.-- Tauchnitz; 1927.-- (Collection of British authors ; vol. 4804).</t>
  </si>
  <si>
    <t>The wisdom of Father Brown / by G.K. Chesterton.-- Copyright ed.-- Bernhard Tauchnitz; 1927.-- (Collection of British authors ; v. 4768).</t>
  </si>
  <si>
    <t>The ABC murders / Agatha Christie.-- Penguin Books; 1952.-- (Penguin books ; 683 . Mystery and crime).</t>
  </si>
  <si>
    <t>And then there were none / by Agatha Christie.-- Pocket Books; [1945].-- (Pocket book ; no. 261).</t>
  </si>
  <si>
    <t>The burden / Agatha Christie, writing under the name Mary Westmacott.-- Dell; 1963.-- (Dell Book ; 0863).</t>
  </si>
  <si>
    <t>Death comes as the end / Agatha Christie.-- Penguin Books; 1953.-- (Penguin books ; 926 . Mystery and crime).</t>
  </si>
  <si>
    <t>Death on the Nile / Agatha Christie.-- Penguin Books; 1953.-- (Penguin books ; 927).</t>
  </si>
  <si>
    <t>Easy to kill / by Agatha Christie.-- Pocket Books; 1945, c1939.-- (Pocket book ; 319).</t>
  </si>
  <si>
    <t>Evil under the sun / by Agatha Christie.-- Pocket Books; 1945, c1941.-- (Pocket book ; 285).</t>
  </si>
  <si>
    <t>The Floating admiral / certain members of the Detection Club.-- Charter Books; 1980.</t>
  </si>
  <si>
    <t>The Golden Ball and other stories / Agatha Christie.-- Dell; 1980, c1971.-- (Dell Book).</t>
  </si>
  <si>
    <t>Hallowe'en party / Agatha Christie.-- Fontana/Collins; 1970, c1969.</t>
  </si>
  <si>
    <t>Hickory dickory dock / by Agatha Christie.-- Published for the Crime Club by Collins; 1956.</t>
  </si>
  <si>
    <t>The labours of Hercules / Agatha Christie.-- Penguin Books; 1953.-- (Penguin books ; 928).</t>
  </si>
  <si>
    <t>Murder she said / Agatha Christie.-- Pocket Books; 1961, c1957.-- (A Cardinal edition ; C-318).</t>
  </si>
  <si>
    <t>The life of Sir Arthur Conan Doyle / John Dickson Carr.-- Pan Books; 1953.-- (Pan books ; GP20 . Great Pan).</t>
  </si>
  <si>
    <t>823.91/C22</t>
  </si>
  <si>
    <t>The mystery of the blue train / [Agatha Christie].-- [s.n.]; [19--].</t>
  </si>
  <si>
    <t>N or M? / Agatha Christie.-- P.F. Collier; c1941.</t>
  </si>
  <si>
    <t>One, two, buckle my shoe / Agatha Christie.-- W. Collins; 1961, c1940.-- (Fontana books ; 334).</t>
  </si>
  <si>
    <t>One, two, buckle my shoe / Agatha Christie.-- Pan Books; 1957.-- (Pan books ; 380 . A Poirot detective story).</t>
  </si>
  <si>
    <t>An overdose of death : the patriotic murders / by Agatha Christie.-- Dell; c1941.-- (Dell Book ; 683).</t>
  </si>
  <si>
    <t>The pale horse / Agatha Christie.-- Pocket Books; 1963, c1961.-- (Pocket book ; 4654).</t>
  </si>
  <si>
    <t>Parker Pyne investigates / by Agatha Christie.-- Published for the Crime Club by the Albatross; c1935.-- (The Albatross continental Crime Club library ; 138).</t>
  </si>
  <si>
    <t>Passenger to Frankfurt : an extravaganza / by Agatha Christie.-- Fontana : Collins; 1971, c1970.-- (Fontana books ; 2647).</t>
  </si>
  <si>
    <t>Partners in crime / by Agatha Christie.-- Dodd, Mead; c1929.</t>
  </si>
  <si>
    <t>Peril at end house / [Agatha Christie].-- [s.n.]; [19--].</t>
  </si>
  <si>
    <t>Peril at end house / Agatha Christie.-- Pocket Books; 1945.-- (Pocket book ; 167 . A Hercule Poirot mystery).</t>
  </si>
  <si>
    <t>Sad cypress / by Agatha Christie.-- L.E. Spivak; c1940.-- (Bestseller mystery ; no. B54).</t>
  </si>
  <si>
    <t>The secret of chimneys / by Agatha Christie.-- Dell; c1925.-- (Dell Book ; 199).</t>
  </si>
  <si>
    <t>Sparkling cyanide / by Agatha Christie.-- Published for the Crime Club by Collins; [19--].-- (Crime Club).</t>
  </si>
  <si>
    <t>The Sittaford mystery / [Agatha Christie].-- [s.n.]; [19--].</t>
  </si>
  <si>
    <t>There is a tide-- / by Agatha Christie.-- Pocket Books; 1949, c1948.-- (Pocket book ; 617).</t>
  </si>
  <si>
    <t>Third girl / Agatha Christie.-- W. Collins; 1968, c1966.-- (Fontana books ; 1759).</t>
  </si>
  <si>
    <t>Thirteen at dinner / Agatha Christie.-- Dell; c1933.-- (Dell Book ; 770 . A Hercule Poirot mystery).</t>
  </si>
  <si>
    <t>Why didn't they ask Evans? / by Agatha Christie.-- Publisher for the Crime Club by Collins, 1936.-- (Crime Club ; v. 9).</t>
  </si>
  <si>
    <t>Witness for the prosecution / Agatha Christie.-- New Dell ed.-- Dell; 1958.-- (Dell Book ; D218).</t>
  </si>
  <si>
    <t>Yesterday's burdens / by Robert M. Coates ; with an afterword by Malcolm Cowley.-- Popular Library; 1976.-- (Lost American fiction).</t>
  </si>
  <si>
    <t>813.5/C81</t>
  </si>
  <si>
    <t>The night was made for murder / Will Cotton.-- Avon; c1959.-- (An Avon original).</t>
  </si>
  <si>
    <t>813.5/C88</t>
  </si>
  <si>
    <t>Eye witness / by George Harmon Coxe.-- Dell; c1950.-- (Dell Book ; 902).</t>
  </si>
  <si>
    <t>813.5/C89</t>
  </si>
  <si>
    <t>Fashioned for murder / by George Harmon Coxe.-- Dell; c1947.-- (Dell Book ; 678).</t>
  </si>
  <si>
    <t>The frightened fiance / George Harmon Coxe.-- Dell; c1950.-- (Dell Book ; 838).</t>
  </si>
  <si>
    <t>The lady is afraid / George Harmon Coxe.-- Dell; c1940.-- (Dell Book ; 734).</t>
  </si>
  <si>
    <t>So young, so cold, so fair / John Creasey.-- Dell; 1958, c1956.-- (Dell Book ; 985).</t>
  </si>
  <si>
    <t>823.91/C92</t>
  </si>
  <si>
    <t>The case of the gilded fly / Edmund Crispin.-- Penguin Books; 1954.-- (Penguin books ; 988).</t>
  </si>
  <si>
    <t>Frequent hearses / Edmund Crispin.-- Penguin Books; 1958, c1950.-- (Penguin books ; 1291).</t>
  </si>
  <si>
    <t>Love lies bleeding / Edmund Crispin.-- Penguin Books; 1954.-- (Penguin books ; 974).</t>
  </si>
  <si>
    <t>The box office murders : an Inspector French case / Freeman Wills Crofts.-- Collins' Clear-Type Press; 1935.</t>
  </si>
  <si>
    <t>823.91/C93</t>
  </si>
  <si>
    <t>The Cheyne mystery / Freeman Wills Crofts.-- Penguin Books; 1978, c1926.-- (Penguin crime fiction).</t>
  </si>
  <si>
    <t>Death of a train / Freedman Wills Crofts.-- Penguin Books; 1953.-- (Penguin books ; 916 . Mystery and crime).</t>
  </si>
  <si>
    <t>The Groote Park murder / Freeman Wills Crofts.-- Penguin Books; 1955.-- (Penguin books ; 531).</t>
  </si>
  <si>
    <t>The Hog's Back mystery / Freeman Wills Crofts.-- Hodder and Stoughton; 1935.</t>
  </si>
  <si>
    <t>Inspector French's case book : the greatest case, the cheyne mystery, the starvel tragedy / by Freeman Wills Crofts.-- W. Collins; [19--].</t>
  </si>
  <si>
    <t>A losing game : Inspector French mystery/ by Freeman Wills Crofts.-- Popular Library; c1941.-- (Popular library ; 121).</t>
  </si>
  <si>
    <t>The loss of the 'Jane Vosper' / Freedman Wills Crofts.-- Penguin Books; 1953.-- (Penguin books ; 919 . Mystery and crime).</t>
  </si>
  <si>
    <t>Man overboard! / by Freeman Wills Crofts.-- Continental Book Company; c1944.-- (Zephyr books ; 40).</t>
  </si>
  <si>
    <t>Mystery in the Channel / by Freeman Wills Crofts.-- Copyright ed.-- B. Tauchnitz; 1931.-- (Collection of British authors ; v. 5009).</t>
  </si>
  <si>
    <t>The pit-prop syndicate / Freeman Wills Crofts.-- Penguin Books; 1955.-- (Penguin books ; 512).</t>
  </si>
  <si>
    <t>The sea mystery : an Inspector French case / Freeman Wills Crofts.-- Penguin Books; 1959.-- (Penguin books ; 1395).</t>
  </si>
  <si>
    <t>Silence for the murderer / Freeman Wills Crofts.-- Pan Books; 1954.-- (Pan books ; 278).</t>
  </si>
  <si>
    <t>Sir John Magill's last journey / Freeman Wills Crofts.-- Collins' Clear-Type Press, 1934.</t>
  </si>
  <si>
    <t>The Starvel tragedy / by Freeman Wills Crofts.-- W. Collins; [19--].</t>
  </si>
  <si>
    <t>Sudden death / Freeman Wills Crofts.-- Published for the Crime Club by W. Collins; 1934.</t>
  </si>
  <si>
    <t>Shannon's way / by A.J. Cronin.-- Bantam Books, 1956, c1948.-- (Bantam books ; F1537).</t>
  </si>
  <si>
    <t>Conjurer's coffin / Guy Cullingford.-- Penguin Books; 1957.-- (Penguin books ; 1199).</t>
  </si>
  <si>
    <t>823.91/C95</t>
  </si>
  <si>
    <t>The deadly climate / Ursula Curtiss.-- Pocket Books; 1955, c1954.-- (Pocket book ; 1077 ; mystery ; 7).</t>
  </si>
  <si>
    <t>813.5/C96</t>
  </si>
  <si>
    <t>Murder listens in / by Elizabeth Daly.-- Bantam books; 1949, c1944.-- (Bantam books ; 713).</t>
  </si>
  <si>
    <t>813.5/D33</t>
  </si>
  <si>
    <t>Nothing can rescue me / Elizabeth Daly.-- Penguin Books; 1951.-- (Penguin books ; 803 . Mystery and crime).</t>
  </si>
  <si>
    <t>My favorite mystery stories / selected and edited by Maureen Daly.-- Bantam Books; 1968, c1966.-- (Bantam pathfinder editions ; HP4238).</t>
  </si>
  <si>
    <t>808.83/D33</t>
  </si>
  <si>
    <t>The accused / by Harold R. Daniels.-- Dell; 1958.-- (A Dell first edition ; B116).</t>
  </si>
  <si>
    <t>813.5/D37</t>
  </si>
  <si>
    <t>The girl in 304 / by Harold R. Daniels.-- Dell; c1956.-- (A Dell first edition ; A112).</t>
  </si>
  <si>
    <t>The snatch / by Harold R. Daniels.-- Dell; 1958.-- (A Dell first edition ; A170).</t>
  </si>
  <si>
    <t>Price tag for murder / Spencer Dean.-- Pocket Books; 1961, c1959.-- (Pocket book ; 6048 ; mystery).</t>
  </si>
  <si>
    <t>813.5/D51</t>
  </si>
  <si>
    <t>Dragnet : the case of the courteous killer / Richard Deming.-- Pocket Books; 1958.-- (Pocket book ; 1198 ; mystery ; 8).</t>
  </si>
  <si>
    <t>813.5/D56</t>
  </si>
  <si>
    <t>Behind the crimson blind / Carter Dickson.-- Dell; c1952.-- (Dell Book ; 690).</t>
  </si>
  <si>
    <t>Night at the mocking widow / by Carter Dickson.-- W. Morrow; c1950.</t>
  </si>
  <si>
    <t>Night at the mocking widow / by Carter Dickson.-- Dell; c1950.-- (Dell Book ; 650).</t>
  </si>
  <si>
    <t>The peacock feather murders / Carter Dickson.-- Pocket Books; 1942, c1937.-- (Pocket book ; 180 . A Sir Henry Merrivale mystery).</t>
  </si>
  <si>
    <t>The ten teacups / Carter Dickson.-- Penguin Books in association with W. Heinemann; 1951.-- (Penguin books ; 817 . Mystery and crime).</t>
  </si>
  <si>
    <t>Death and the gilded man / Carter Dickson.-- Pocket Books; 1947, c1942.-- (Pocket book ; 478 . A Sir Henry Merrivale mystery).</t>
  </si>
  <si>
    <t>Adventures of Gerard / A. Conan Doyle.-- J. Murray; 1922.</t>
  </si>
  <si>
    <t>823.91/D89</t>
  </si>
  <si>
    <t>The final adventures of Sherlock Holmes : completing the canon / by Sir Arthur Conan Doyle ; collected and introduced by Peter Haining.-- Paperback Division of W H. Allen; 1981.-- (A star book ; . Twelve works to complete the Holmes collection).</t>
  </si>
  <si>
    <t>The hound of the Baskervilles / Sir Arthur Conan Doyle.-- J. Murray; 1959.</t>
  </si>
  <si>
    <t>The sign of four / by A. Conan Doyle.-- Copyright ed.-- B. Tauchnitz; 1891.-- (Collection of British authors ; v. 2698).</t>
  </si>
  <si>
    <t>A study in scarlet : the first book about Sherlock Holmes / by A. Conan Doyle.-- W, Lock, [19--].</t>
  </si>
  <si>
    <t>The mysterious Mr.Quin / Agatha Christie.-- Penguin Books; 1953.-- (Penguin books ; 931).</t>
  </si>
  <si>
    <t>The patriotic murders / Agatha Christie.-- Pocket Books; 1945, c1941.-- (Pocket book ; 249 . A Hercule Poirot mystery).</t>
  </si>
  <si>
    <t>Poirot's early cases / Agatha Christie.-- Fontana : Collins; 1975, c1974.-- (Fontana books ; 3885).</t>
  </si>
  <si>
    <t>Postern of fate / Agatha Christie.-- Fontana : Collins; 1974, c1973.-- (Fontana books ; 3494).</t>
  </si>
  <si>
    <t>The death of a millionaire / G.D.H. and Margaret Cole.-- Penguin Books; 1950.-- (Penguin books ; 742 . Mystery and crime).</t>
  </si>
  <si>
    <t>823.91/C84</t>
  </si>
  <si>
    <t>The cask / Freeman Wills Crofts.-- Penguin Books; 1952.-- (Penguin books ; 876 . Mystery and crime).</t>
  </si>
  <si>
    <t>Crime at guildford / Freeman Wills Crofts.-- Penguin Books; 1959.-- (Penguin books ; 1378).</t>
  </si>
  <si>
    <t>Fatal venture / Freeman Wills Crofts.-- Penguin Books; 1959.-- (Penguin books ; 1379).</t>
  </si>
  <si>
    <t>Golden ashes / Freeman Wills Crofts.-- Penguin Books; 1959.-- (Penguin books ; 1396).</t>
  </si>
  <si>
    <t>Inspector French's greatest case / Freeman Wills Crofts.-- Penguin Books; 1953.-- (Penguin books ; 918 . Mystery and crime).</t>
  </si>
  <si>
    <t>The 12.30 from Croydon / Freeman Fills Crofts.-- Penguin Books; 1955.-- (Penguin books ; 920).</t>
  </si>
  <si>
    <t>The Plague Court murders / Carter Dickson.-- Penguin Books in association with William Heinemann; 1951.-- (Penguin books ; 820 . Mystery and crime).</t>
  </si>
  <si>
    <t>More exploits of Sherlock Holmes / Adrian Conan Doyle and John Dickson Carr.-- J. Murray; 1964.-- (John Murray paperbacks).</t>
  </si>
  <si>
    <t>The adventures of Sherlock Holmes / by A. Conan Doyle ; v. 2.-- Copyright ed.-- B. Tauchnitz; [19--].-- (Collection of British authors ; v. 2897 . Conan Doyle ; 10).</t>
  </si>
  <si>
    <t>The poison belt / by Arthur Conan Doyle.-- Hodder and Stoughton; [1---].</t>
  </si>
  <si>
    <t>The unknown quantity / M.G. Eberhart.-- Published for the Crime Club by Collins; [1953?].-- (Crime club ; . A white circle crime club).</t>
  </si>
  <si>
    <t>813.5/E13</t>
  </si>
  <si>
    <t>The black gold murders / John B.Ethan.-- Pocket Books; 1960, c1959.-- (Pocket book ; 6013 ; mystery).</t>
  </si>
  <si>
    <t>813.5/E77</t>
  </si>
  <si>
    <t>Cats prowl at night / Erle Stanley Gardner writing under the name of A.A. Fair.-- New ed.-- Dell; 1968, c1943.-- (Dell Book ; 1152).</t>
  </si>
  <si>
    <t>813.5/G22</t>
  </si>
  <si>
    <t>Give 'em the ax / by Erle Stanley Gardner writing under the name of A.A. Fair.-- New Dell ed.-- Dell; 1958, c1944.-- (Dell Book ; D213).</t>
  </si>
  <si>
    <t>Gold comes in bricks / A.A. Fair (Erle Stanley Gardner).-- New Dell ed.-- Dell; 1961, c1940.-- (Dell Book ; D406).</t>
  </si>
  <si>
    <t>Some women won't wait / A.A. Fair (Erle Stanley Gardner).-- Dell; c1953.-- (Dell Book ; 809).</t>
  </si>
  <si>
    <t>Spill the jackpot / Erle Stanley Gardner writing under the name of A.A. Fair.-- New Dell ed.-- Dell; 1962, c1941.-- (Dell Book ; R117).</t>
  </si>
  <si>
    <t>Top of the heap / Erle Stanley Gardner writing under the name of A. A. Fair.-- Dell; c1952.-- (Dell Book ; 772).</t>
  </si>
  <si>
    <t>Turn on the heat / by Erle Stanley Gardner writing under the name of A.A. Fair.-- New Dell ed.-- Dell; 1958, c1940.-- (Dell Book ; D253).</t>
  </si>
  <si>
    <t>You can die laughing / A.A. Fair (Erle Stanley Gardner).-- Pocket Books; 1961, c1957.-- (Pocket book ; 6062 ; mystery).</t>
  </si>
  <si>
    <t>Up for grabs / A.A. Fair (Erle Stanley Gardner).-- Pocket Books; 1964.-- (Pocket book ; 35035 . A Bertha Cool-Donald Lam mystery).</t>
  </si>
  <si>
    <t>Widows wear weeds / Erle Stanley Gardner writing under the name of A.A. Fair.-- Dell; 1967, c1966.-- (Dell Book ; 9540).</t>
  </si>
  <si>
    <t>The big clock / by Kenneth Fearing.-- Bantam Books; 1949, c1946.-- (Bantam books ; 38).</t>
  </si>
  <si>
    <t>813.5/F17</t>
  </si>
  <si>
    <t>Death of Mr. Dodsley / by John Ferguson.-- Copyright ed.-- Published for the Crime Club by the Albatross; c1937.-- (The Albatross continental Crime Club library ; v. 184).</t>
  </si>
  <si>
    <t>823.91/F21</t>
  </si>
  <si>
    <t>The man in the dark : an ealing mystery / John Ferguson.-- Penguin Books; 1936.-- (Penguin books ; 65 . The Bodley Head).</t>
  </si>
  <si>
    <t>Stealthy terror / John Ferguson.-- Penguin Books; 1954.-- (Penguin books ; 239).</t>
  </si>
  <si>
    <t>Death of John Tait / A. Fielding.-- Published for the Crime Club by W. Collins; 1935.</t>
  </si>
  <si>
    <t>823.91/F25</t>
  </si>
  <si>
    <t>5 against the house / by Jack Finney.-- Pocket Books; 1955, c1954.-- (Pocket book ; 1078 ; fiction ; 8).</t>
  </si>
  <si>
    <t>813.5/F27</t>
  </si>
  <si>
    <t>The house of numbers / Jack Finney.-- Dell; 1957.-- (A Dell first edition ; A139).</t>
  </si>
  <si>
    <t>The body snatchers / Jack Finney.-- New Dell ed.-- Dell; 1961, c1955.-- (A Dell first edition ; B204).</t>
  </si>
  <si>
    <t>The dark ships / by Hulbert Footner.-- Copyright ed.-- Published for the Crime Club by the Albatross; c1938.-- (The Albatross continental Crime Club library ; 419).</t>
  </si>
  <si>
    <t>813.5/F38</t>
  </si>
  <si>
    <t>Murder runs in the family / by Hulbert Footner.-- Published for the Crime Club by Collins; 1938.-- (Crime club ; v. 36).</t>
  </si>
  <si>
    <t>The girl from the Mimosa Club / Leslie Ford.-- Popular Library; 1957.-- (Popular library ; 60-2173).</t>
  </si>
  <si>
    <t>813.5/F39</t>
  </si>
  <si>
    <t>Washington whispers murder / by Leslie Ford.-- Dell; c1953.-- (Dell Book ; 908).</t>
  </si>
  <si>
    <t>The shadow of the wolf / by R. Austin Freeman.-- Hodder and Stoughton; [1---].</t>
  </si>
  <si>
    <t>823.91/F46</t>
  </si>
  <si>
    <t>The man from Scotland Yard : a Mr. Pinkerton mystery / by David Frome.-- Readers' League of America; c1932.-- (Armed services editions).</t>
  </si>
  <si>
    <t>813.5/F48</t>
  </si>
  <si>
    <t>The case of the angry mourner / Erle Stanley Gardner.-- Pocket Books; 1960, c1951.-- (Pocket book ; 6042 ; mystery . Perry Mason).</t>
  </si>
  <si>
    <t>The case of the baited hook / Erle Stanley Gardner.-- Pocket Books; 1947, c1940.-- (Pocket book ; 414 . A Perry Mason story).</t>
  </si>
  <si>
    <t>The case of the blonde bonanza / Erle Stanley Gardner.-- Pocket Books; 1964, c1962.-- (Pocket book ; 4530 . Perry Mason solves).</t>
  </si>
  <si>
    <t>The case of the blonde bonanza / Erle Stanley Gardner.-- Pan Books; 1971.-- (Pan books ; . Perry Mason).</t>
  </si>
  <si>
    <t>The case of the buried clock / Erle Stanley Gardner.-- Pocket Books; 1950.-- (Pocket book ; 678 . Perry Mason solves).</t>
  </si>
  <si>
    <t>The case of the careless cupid / Erle Stanley Gardner.-- Pocket Books; 1969, c1968.-- (Pocket book ; . Perry Mason solves).</t>
  </si>
  <si>
    <t>The case of the caretaker's cat / Erle Stanley Gardner.-- Pocket Books; 1955, c1935.-- (Pocket book ; 138 ; mystery ; 8 . A Perry Mason mystery).</t>
  </si>
  <si>
    <t>The case of the counterfeit eye / Erle Stanley Gardner.-- Pocket Books; 1945, c1935.-- (Pocket book ; 157 . A Perry Mason mystery).</t>
  </si>
  <si>
    <t>The case of the crimson kiss : a Perry Mason novelette, and other stories / Erle Stanley Gardner.-- Pocket Books; 1972.-- (Pocket book ; . Perry Mason solves).</t>
  </si>
  <si>
    <t>The case of the crooked candle / Erle Stanley Gardner.-- Pocket Books; 1951, c1944.-- (Pocket book ; 758 . Perry Mason solves).</t>
  </si>
  <si>
    <t>The case of the dubious bridegroom / Erle Stanley Gardner.-- Pan Books; 1957.-- (Pan books ; 418).</t>
  </si>
  <si>
    <t>The case of the dubious bridegroom / by Erle Stanley Gardner.-- W. Morrow; c1949.</t>
  </si>
  <si>
    <t>The case of the empty tin / Erle Stanley Gardner.-- Pocket Books; 1958, c1941.-- (A Cardinal edition ; C-284 ; mystery ; 4 . Perry Mason solves).</t>
  </si>
  <si>
    <t>The case of the fabulous fake / Erle Stanley Gardner.-- Pocket Books; 1971, c1961.-- (Pocket book ; . Perry Mason solves).</t>
  </si>
  <si>
    <t>The case of the fiery fingers / Erle Stanley Gardner.-- Pocket Books; 1956, c1951.-- (Pocket book ; 1089 ; mystery ; 9 . A Perry Mason mystery).</t>
  </si>
  <si>
    <t>The case of the foot-loose doll / Erle Stanley Gardner.-- Pocket Books; 1960, c1958.-- (Pocket book ; 6016 ; mystery . Perry Mason).</t>
  </si>
  <si>
    <t>The case of the glamorous ghost / Erle Stanley Gardner.-- W.J. Black; c1955.</t>
  </si>
  <si>
    <t>The case of the green-eyed sister / Erle Stanley Gardner.-- Pocket Books; 1957, c1953.-- (Pocket book ; 1155 ; mystery ; 5 . Perry Mason solves).</t>
  </si>
  <si>
    <t>The case of the half-wakened wife / Erle Stanley Gardner.-- M.S. Mill; 1945.</t>
  </si>
  <si>
    <t>The case of the hesitant hostess / Erle Stanley Gardner.-- Pocket Books; 1956, c1953.-- (Pocket book ; 1127 ; mystery ; 7 . A Perry Mason mystery).</t>
  </si>
  <si>
    <t>The case of the ice-cold hands / Erle Stanley Gardner.-- Pocket Books; 1964, c1962.-- (Pocket book ; 35015 . Perry Mason).</t>
  </si>
  <si>
    <t>The case of the irate witness : a Perry Mason mystery, and other stories / Erle Stanley Gardner.-- Pocket Books; 1973, c1970.-- (Pocket book ; . Perry Mason solves).</t>
  </si>
  <si>
    <t>The case of the lame canary / Erle Stanley Gardner.-- Pocket Books; 1944, c1937.-- (Pocket book ; 223 . A Perry Mason mystery).</t>
  </si>
  <si>
    <t>The case of the lazy lover / by Erle Stanley Gardner.-- W. Morrow; c1947.</t>
  </si>
  <si>
    <t>The case of the mischievous doll / Erle Stanley Gardner.-- Pocket Books; 1964, c1963.-- (Pocket book ; 45022 . Perry Mason).</t>
  </si>
  <si>
    <t>The case of the musical cow / Erle Stanley Gardner.-- Pocket Books; 1955, c1950.-- (Pocket book ; 1063 ; mystery ; 3).</t>
  </si>
  <si>
    <t>The case of the mythical monkeys / Erle Stanley Gardner.-- Pocket Books; 1961, c1959.-- (Pocket book ; 6082 . Perry Mason).</t>
  </si>
  <si>
    <t>The case of the negligent nymph / Erle Stanley Gardner.-- Ballantine Books; 1982, c1950.-- (Ballantine mystery ; 30559 . A Perry Mason mystery).</t>
  </si>
  <si>
    <t>The case of the perjured parrot / Erle Stanley Gardner.-- Pocket Books; 1949, c1939.-- (Pocket book ; 378 . A Perry Mason mystery).</t>
  </si>
  <si>
    <t>The case of the queenly contestant / Erle Stanley Gardner.-- Pocket Books; 1969, c1967.-- (Pocket book ; 55878 . Perry Mason solves).</t>
  </si>
  <si>
    <t>The case of the screaming woman / Erle Stanley Gardner.-- Pocket Books; 1959, c1957.-- (A Cardinal edition ; C-377 ; mystery ; 7 . Perry Mason).</t>
  </si>
  <si>
    <t>The case of the shapely shadow / Erle Stanley Gardner.-- Pocket Books; 1970, c1960.-- (Pocket book ; 75564 . Perry Mason solves).</t>
  </si>
  <si>
    <t>The case of the spurious spinster / Erle Stanley Gardner.-- Pocket Books; 1963, c1961.-- (Pocket book ; 6175 Perry Mason solves).</t>
  </si>
  <si>
    <t>The case of the stepdaughter's secret / Erle Stanley Gardner.-- Pocket Books; 1965, c1963.-- (Pocket book ; 35018 . Perry Mason).</t>
  </si>
  <si>
    <t>The case of the sulky girl : a Perry Mason mystery / by Erle Stanley Gardner.-- Pocket Books; 1950, c1933.-- (Pocket book ; 90).</t>
  </si>
  <si>
    <t>The case of the sunbather's diary / Erle Stanley Gardner.-- Ballantine Books; 1982, c1955.-- (Ballantine mystery ; 30558 . A Perry Mason mystery).</t>
  </si>
  <si>
    <t>The case of the terrified typist / Erle Stanley Gardner.-- Pocket Books; 1959, 1956.-- (A Cardinal edition ; C-275 ; mystery ; 5 . Perry Mason).</t>
  </si>
  <si>
    <t>The case of the vagabond virgin / by Erle Stanley Gardner.-- W. Morrow; c1948.</t>
  </si>
  <si>
    <t>The case of the waylaid wolf / Erle Stanley Gardner.-- Pocket Books; 1962, c1959.-- (Pocket book ; 6151 . Perry Mason).</t>
  </si>
  <si>
    <t>The clue of the forgotten murder / Erle Stanley Gardner.-- Pocket Books; 1947, c1934.-- (Pocket book ; 438).</t>
  </si>
  <si>
    <t>Two clues : the clue of the runaway blonde, the clue of the hungry horse / Erle Stanley Gardner.-- Pocket Books; 1953, c1947.-- (Pocket book ; 949 ; mystery).</t>
  </si>
  <si>
    <t>The D.A. breaks a seal / Erle Stanley Gardner.-- Pocket Books; 1952, c1946.-- (Pocket book ; 869 ; mystery).</t>
  </si>
  <si>
    <t>This is murder / Erle Stanley Gardner.-- Pocket Books; 1948, c1935.-- (Pocket book ; 512).</t>
  </si>
  <si>
    <t>By-line for murder / by Andrew Garve.-- Dell; c1951.-- (Dell Book ; 765).</t>
  </si>
  <si>
    <t>823.91/G24</t>
  </si>
  <si>
    <t>Death and the sky above / Andrew Garve.-- Pan Books; 1957.-- (Pan books ; 376).</t>
  </si>
  <si>
    <t>A hole in the ground / by Andrew Garve.-- Dell; 1959, c1952.-- (Dell Book ; D275).</t>
  </si>
  <si>
    <t>The murderers' who's who : outstanding international cases from the literature of murder in the last 150 years / J.H.H. Gaute and Robin Odell ; with a foreword by Colin Wilson.-- Pan Books; 1980, c1979.</t>
  </si>
  <si>
    <t>364.152/G27</t>
  </si>
  <si>
    <t>The black stage / Anthony Gilbert.-- Penguin Books; 1955.-- (Penguin books ; 1105 . A Crime club choice).</t>
  </si>
  <si>
    <t>823.91/G44</t>
  </si>
  <si>
    <t>Death lifts the latch / by Anthony Gilbert.-- Bantam Books; 1950, c1946.-- (Bantam books ; 768).</t>
  </si>
  <si>
    <t>Riddle of a lady / by Anthony Gilbert.-- Bantam Books; 1958, c1956.-- (Bantam books ; 1758).</t>
  </si>
  <si>
    <t>Death has deep roots / Michael Gilbert.-- Dell; c1951.-- (Dell Book ; 744).</t>
  </si>
  <si>
    <t>Beyond a reasonable doubt : a novel / by C.W. Grafton.-- Pocket Books; 1951, c1950.-- (Pocket book ; 752 ; mystery).</t>
  </si>
  <si>
    <t>813.5/G75</t>
  </si>
  <si>
    <t>Man missing / by Mignon G. Eberhart.-- Dell; c1954.-- (A Dell mystery).</t>
  </si>
  <si>
    <t>Pass the gravy / by A.A. Fair (Erle Stanley Gardner).-- Pocket Books; 1962.-- (Pocket book ; 6142).</t>
  </si>
  <si>
    <t>Shills can't cash chips / A.A. Fair (Erle Stanley Gardner).-- Pocket Books; 1963.-- (Pocket book ; 6199).</t>
  </si>
  <si>
    <t>Some slips don't show / A.A. Fair (Erle Stanley Gardner).-- Pocket Books; 1961, c1957.-- (Pocket book ; 6095).</t>
  </si>
  <si>
    <t>Try anything once / by A.A. Fair (Erle Stanley Gardner).-- Pocket Books; 1964, c1962.-- (Pocket book ; 6228).</t>
  </si>
  <si>
    <t>The bandaged nude / Robert Finnegan.-- Penguin Books; 1952.-- (Penguin books ; 890).</t>
  </si>
  <si>
    <t>Speech / by J.R. Firth.-- Ernest Benn; 1930.-- (Benn's sixpenny library ; no. 121).</t>
  </si>
  <si>
    <t>The case of the amorous aunt / Erle Stanley Gardner.-- Pocket Books; 1965, c1963.-- (Pocket book ; 35058 . Perry Mason).</t>
  </si>
  <si>
    <t>The case of the careless kitten / Erle Stanley Gardner.-- Pocket Books; 1950, c1942.-- (Pocket book ; 724 . Perry Mason solves).</t>
  </si>
  <si>
    <t>The case of the curious bride / by Erle Stanley Gardner.-- Pocket Books; 1948, c1934.-- (Pocket book ; 177 . A Perry Mason mystery).</t>
  </si>
  <si>
    <t>The case of the demure defendant / Erle Stanley Gardner.-- Pocket Books; 1959, c1956.-- (A Cardinal edition ; C-323 ; mystery ; 3 . Perry Mason).</t>
  </si>
  <si>
    <t>The case of the drowning duck / Erle Stanley Gardner.-- Pocket Books; 1950.-- (Pocket book ; 643 . Perry Mason solves).</t>
  </si>
  <si>
    <t>The case of the fenced-in woman / Erle Stanley Gardner.-- Pocket Books; 1973, c1972.-- (Pocket book ; 77884 . Perry Mason solves).</t>
  </si>
  <si>
    <t>The case of the green-eyed sister / by Erle Stanley Gardner.-- William Morrow; 1953.</t>
  </si>
  <si>
    <t>The case of the haunted husband / by Erle Stanley Gardner.-- Pocket Books; 1949, c1941.-- (Pocket book ; 590 . [Perry Mason]).</t>
  </si>
  <si>
    <t>The case of the howling dog : a Perry Mason mystery / by Erle Stanley Gardner.-- Pocket Books; 1941, c1934.-- (Pocket book ; 116).</t>
  </si>
  <si>
    <t>The case of the nervous accomplice / Erle Stanley Gardner.-- Pocket Books; 1958, c1955.-- (A Cardinal edition ; C-297 ; mystery ; 7 . Perry Mason solves).</t>
  </si>
  <si>
    <t>The case of the shoplifter's shoe / Erle Stanley Gardner.-- Pocket Books; 1945, c1938.-- (Pocket book ; 312).</t>
  </si>
  <si>
    <t>The case of the stuttering bishop / by Erle Stanley Gardner.-- Pocket Books; 1945, c1936.-- (Pocket book ; 201 . A Perry Mason mystery).</t>
  </si>
  <si>
    <t>The case of the sun bather's diary / Erle Stanley Gardner.-- Pocket Books; 1958, c1955.-- (A Cardinal edition ; C-268 mystery ; 8 . Perry Mason solves).</t>
  </si>
  <si>
    <t>The case of the restless redhead / Erle Stanley Gardner.-- Pocket Books; 1957.-- (Pocket book ; 1170 ; 0 . A Perry Mason mystery).</t>
  </si>
  <si>
    <t>The D.A. goes to trial / by Erle Stanley Gardner.-- Pocket Books; 1946, c1940.-- (Pocket book ; 407).</t>
  </si>
  <si>
    <t>The D.A. takes a chance / Erle Stanley Gardner.-- Pocket Books; 1954, c1948.-- (Pocket book ; 1010).</t>
  </si>
  <si>
    <t>Murder through the looking glass / Andrew Garve.-- Dell.; [1951?].-- (Dell Book ; 827).</t>
  </si>
  <si>
    <t>The 3rd man / by Graham Greene.-- Bantam Books; c1950.-- (Bantam books ; 797).</t>
  </si>
  <si>
    <t>823.91/G82</t>
  </si>
  <si>
    <t>More rivals of Sherlock Holmes : cosmopolitan crimes / edited and introduced by Hugh Greene.-- Penguin Books; 1973, c1971.-- (Penguin crime fiction).</t>
  </si>
  <si>
    <t>808.83/G82</t>
  </si>
  <si>
    <t>At the point of a .38 / Brett Halliday.-- Dell; 1974.-- (Dell Book ; 3152 . A new Mike Shayne mystery).</t>
  </si>
  <si>
    <t>813.5/H21</t>
  </si>
  <si>
    <t>Count backwards to zero / Brett Halliday.-- Dell; 1971.-- (Dell Book ; 1507 . A new Mike Shayne mystery).</t>
  </si>
  <si>
    <t>Dead man's diary, and, Dinner at Dupre's / by Brett Halliday.-- Dell; c1946.-- (Dell Book ; 427 . A Michael Shayne double murder mystery).</t>
  </si>
  <si>
    <t>Dividend on death / Brett Halliday.-- New Dell ed.-- Dell; 1959, c1939.-- (Dell Book ; D293).</t>
  </si>
  <si>
    <t>Fit to kill / Brett Halliday.-- Dell; 1959, c1958.-- (Dell Book ; D314).</t>
  </si>
  <si>
    <t>Fourth down to death / Brett Halliday.-- Dell; 1970.-- (Dell Book ; 2699 . A new Mike Shayne mystery).</t>
  </si>
  <si>
    <t>Heads you lose / Brett Halliday.-- Dell; 1958, c1956.-- (Dell Book ; 987).</t>
  </si>
  <si>
    <t>In a deadly vein / Brett Halliday.-- New ed.-- Dell; 1968, c1943.-- (Dell Book ; 4016).</t>
  </si>
  <si>
    <t>Murder is my business / Brett Halliday.-- Dell; 1958, c1945.-- (Dell Book ; 965).</t>
  </si>
  <si>
    <t>Murder spins the wheel / Brett Halliday.-- Dell; 1966.-- (Dell Book ; 6123 . A new Mike Shayne mystery).</t>
  </si>
  <si>
    <t>Nice fillies finish last / by Brett Halliday.-- Dell; 1966, c1965.-- (Dell Book ; 6361).</t>
  </si>
  <si>
    <t>A taste for violence / by Brett Halliday.-- New Dell ed.-- Dell; 1957, c1949.-- (Dell Book ; 934).</t>
  </si>
  <si>
    <t>What really happened / Brett Halliday.-- New Dell ed.-- Dell; 1960, c1952.-- (Dell Book ; D381).</t>
  </si>
  <si>
    <t>When Dorinda dances / by Brett Halliday.-- New Dell ed.-- Dell; 1960, c1951.-- (Dell Book ; D359).</t>
  </si>
  <si>
    <t>The big knockover / Dashiell Hammett.-- Dell; 1967, c1956.-- (Dell Book ;  0628).</t>
  </si>
  <si>
    <t>813.5/H26</t>
  </si>
  <si>
    <t>Blood money / by Dashiell Hammett.-- Dell; c1927.-- (Dell Book ; 53).</t>
  </si>
  <si>
    <t>Dead yellow women / by Dashiell Hammett ; selected and edited by Ellery Queen.-- Dell; c1947.-- (Dell Book ; 421).</t>
  </si>
  <si>
    <t>Hammett homicides / by Dashiell Hammett ; collected and edited by Ellery Queen.-- Dell; c1946.-- (Dell Book ; 223).</t>
  </si>
  <si>
    <t>The Continental Op : more stories from the big knockover / Dashiell Hammett.-- Dell; 1967, c1966.-- (Dell Book ; 1468).</t>
  </si>
  <si>
    <t>The Maltese falcon / by Dashiell Hammett.-- Albatross; 1932.-- (The Albatross modern continental library ; v. 20).</t>
  </si>
  <si>
    <t>Nightmare town / by Dashiell Hammett ; selected and edited by Ellery Queen.-- Dell; c1948.-- (Dell Book ; 379 . Detective and murder stories).</t>
  </si>
  <si>
    <t>When the wind blows / by Cyril Hare.-- Penguin Books in association with Faber and Faber; 1955.-- (Penguin books ; 1037).</t>
  </si>
  <si>
    <t>823.91/H32</t>
  </si>
  <si>
    <t>With a bare bodkin / Cyril Hare.-- Penguin Books in association with Faber and Faber; 1954.-- (Penguin books ; 1007).</t>
  </si>
  <si>
    <t>A rage in Harlem / Chester Himes.-- Panther Books; 1969, c1965.-- (A Panther book).</t>
  </si>
  <si>
    <t>813.5/H59</t>
  </si>
  <si>
    <t>Fools' gold / Dolores Hitchens.-- Pocket Books; 1959, c1958.-- (Pocket book ; 1239 ; suspens ; 9).</t>
  </si>
  <si>
    <t>813.5/H77</t>
  </si>
  <si>
    <t>Harold Greenwood ; William Joyce ; Ley and Smith ; Dr Pritchard ; Robert Wood / edited by James H. Hodge.-- Penguin Books; 1954.-- (Famous trials ; 4).</t>
  </si>
  <si>
    <t>345.07/H81</t>
  </si>
  <si>
    <t>Thomas Neill Cream ; Neville George Clevely Heath ; John Watson Laurie ; George Henry Lamson : Rattenbury and Stoner / edited by James H. Hodge.-- Penguin; 1955.-- (Famous trials ; 5).</t>
  </si>
  <si>
    <t>Murder takes a wife / James A. Howard.-- Pocket Books; 1959, c1958.-- (Pocket book ; 1255 ; mystery ; 5).</t>
  </si>
  <si>
    <t>813.5/H96</t>
  </si>
  <si>
    <t>Lament for a maker / Michael Innes.-- Harper &amp; Row; 1990, c1938.-- (Perennial library ; mystery . A Sir John Appleby mystery).</t>
  </si>
  <si>
    <t>823.91/I54</t>
  </si>
  <si>
    <t>A private view / Michael Innes.-- Penguin Books; 1958, c1952.-- (Penguin books ; 1287).</t>
  </si>
  <si>
    <t>The secret vanguard / Michael Innes.-- Penguin Books; 1958.-- (Penguin books ; 1298).</t>
  </si>
  <si>
    <t>The blue ribbon / William Irish.-- J.B. Lippincott; c1949.-- (A story press book).</t>
  </si>
  <si>
    <t>813.5/I64</t>
  </si>
  <si>
    <t>Goodbye to Berlin / Christopher Isherwood.-- New American Library; 1952.-- (A Signet book ; 937).</t>
  </si>
  <si>
    <t>823.91/I69</t>
  </si>
  <si>
    <t>A mind to murder / P.D. James.-- Penguin Books; 1977, c1963.-- (Penguin crime fiction).</t>
  </si>
  <si>
    <t>823.91/J18</t>
  </si>
  <si>
    <t>A mind to murder / by P.D. James.-- Popular Library; 1976, c1963.-- (Popular library ; mystery).</t>
  </si>
  <si>
    <t>Unnatural causes / by P.D. James.-- Popular Library; c1967.-- (Popular library ; mystery).</t>
  </si>
  <si>
    <t>An unsuitable job for a woman / P.D. James.-- Sphere Books; 1984, c1972.</t>
  </si>
  <si>
    <t>Bare trap / by Frank Kane.-- Dell; 1960, c1952.-- (Dell Book ; D333).</t>
  </si>
  <si>
    <t>813.5/Ka52</t>
  </si>
  <si>
    <t>Barely seen / by Frank Kane.-- Dell; 1964.-- (Dell Book ; 0458 . A new Johnny Liddell thriller).</t>
  </si>
  <si>
    <t>The conspirators / by Frank Kane.-- Dell; 1962.-- (A Dell first edition ; C127).</t>
  </si>
  <si>
    <t>Crime of their life / Frank Kane.-- Dell; 1962.-- (A Dell first edition ; 1557 . A new Johnny Liddell thriller).</t>
  </si>
  <si>
    <t>Dead rite / Frank Kane.-- Dell; 1962.-- (A Dell first edition ; B187 . A new Johnny Liddell mystery).</t>
  </si>
  <si>
    <t>Esprit de corpse / Frank Kane.-- Dell; 1965.-- (Dell Book ; 2409).</t>
  </si>
  <si>
    <t>Green light for death / by Frank Kane.-- Dell; c1949.-- (Dell Book ; 918).</t>
  </si>
  <si>
    <t>Johnny Liddell's morgue / by Frank Kane.-- Dell; c1956.-- (A Dell first edition ; A117).</t>
  </si>
  <si>
    <t>Maid in Paris / Frank Kane.-- Dell; 1966.-- (Dell Book ; 5165).</t>
  </si>
  <si>
    <t>Poisons unknown / Frank Kane.-- Dell; c1953.-- (Dell Book ; 822).</t>
  </si>
  <si>
    <t>A short bier / by Frank Kane.-- Dell; 1960.-- (A Dell first edition ; B150 . A Johnny Liddell mystery).</t>
  </si>
  <si>
    <t>Slay ride / Frank Kane.-- Dell; 1959, c1950.-- (Dell Book ; D264).</t>
  </si>
  <si>
    <t>Two to tangle / Frank Kane.-- Dell; 1965.-- (Dell Book ; 9213).</t>
  </si>
  <si>
    <t>Still dead / Ronald A. Knox.-- Pan Books; 1952.-- (Pan books ; 223).</t>
  </si>
  <si>
    <t>823.91/Kn6</t>
  </si>
  <si>
    <t>Darkness at noon / by Arthur Koestler ; translated by Daphne Hardy.-- New American Library; c1941.-- (A Signet book ; 671).</t>
  </si>
  <si>
    <t>823.91/Ko22</t>
  </si>
  <si>
    <t>The lady in the morgue / Jonathan Latimer.-- Pocket Books; 1945, c1936.-- (Pocket book ; 246).</t>
  </si>
  <si>
    <t>813.5/L35</t>
  </si>
  <si>
    <t>Sinners and shrouds / Jonathan Latimer.-- Pocket Books; 1956, c1955.-- (Pocket book ; 1136 ; mystery ; 6).</t>
  </si>
  <si>
    <t>Columbo #2 : the dean's death / by Alfred Lawrence.-- Popular Library; c1975.-- (Popular library ; mystery).</t>
  </si>
  <si>
    <t>813.5/L43/2</t>
  </si>
  <si>
    <t>Rosemary's baby : a novel / by Ira Levin.-- Dell; 1968, c1967.-- (Dell Book ; 7509).</t>
  </si>
  <si>
    <t>813.5/L57</t>
  </si>
  <si>
    <t>Death has a small voice : a Mr. and Mrs. North mystery / Frances &amp; Richard Lockridge.-- Avon Book; c1953.-- (Avon books ; T-422).</t>
  </si>
  <si>
    <t>813.5/L78</t>
  </si>
  <si>
    <t>Part for a poisoner / by E.C.R. Lorac.-- Published for the Crime Club by Collins; [19--?].-- (Crime club).</t>
  </si>
  <si>
    <t>823.91/L88</t>
  </si>
  <si>
    <t>The con man / by Ed McBain.-- Permabooks : Pocket books; 1962, c1957.-- (Permabooks ; M4264 . 87th Precinct mystery).</t>
  </si>
  <si>
    <t>813.5/Ma13</t>
  </si>
  <si>
    <t>Fuzz : an 87th Precinct mystery novel / Ed McBain.-- Pan Books; 1975, c1968.-- (Pan books).</t>
  </si>
  <si>
    <t>Give the boys a great big hand / ED McBain.-- Permabooks; 1961, c1960.-- (Permabooks ; M4187 ; mystery . A new 87th precinct mystery).</t>
  </si>
  <si>
    <t>Heat / Ed McBain.-- Pan Books; 1983, c1981.-- (Pan books ; . A new 87th Precinct mystery).</t>
  </si>
  <si>
    <t>Jack &amp; the beanstalk / Ed McBain.-- Pinnacle Books; 1985, c1984.-- (Pinnacle books ; fiction).</t>
  </si>
  <si>
    <t>Killer's payoff / by Ed McBain.-- Permabooks; 1958.-- (Permabooks ; M-3113 ; mystery ; 3).</t>
  </si>
  <si>
    <t>Let's hear it for the Deaf Man : an 87th Precinct mystery / by Ed McBain.-- New American Library; 1974, c1973.-- (A Signet book ; Q5794).</t>
  </si>
  <si>
    <t>Long time no see : an 87th Precinct mystery / Ed McBain.-- Pan Books; 1979, c1977.-- (Pan books).</t>
  </si>
  <si>
    <t>The McBain brief / Ed McBain.-- Pan Books; 1983, c1982.-- (Pan books).</t>
  </si>
  <si>
    <t>Snow white and rose red / Ed McBain.-- Sphere Books; 1986, c1985.</t>
  </si>
  <si>
    <t>'Til death / Ed McBain.-- Permabooks; 1960, c1959.-- (Permabooks ; M4166 ; mystery . A new 87th Precinct murder mystery).</t>
  </si>
  <si>
    <t>Before I die / Helen McCloy.-- Dell; 1967, c1963.-- (Dell great mystery library ; 0507).</t>
  </si>
  <si>
    <t>Cue for murder / Helen McCloy ; introduction by Anthony Boucher.-- Bantam Books; 1965.-- (Bantam books ; F3027 ; mystery).</t>
  </si>
  <si>
    <t>The deadly truth / by Helen McCloy.-- Dell; c1941.-- (Dell Book ; 107).</t>
  </si>
  <si>
    <t>Through a glass, darkly / Helen McCloy.-- Penguin Books; 1961, c1950.-- (Penguin crime ; 1664).</t>
  </si>
  <si>
    <t>Murder, murder, murder : 10 tales from 20 great tales of murder / edited by Helen McCloy and Brett Halliday ; with preface by Baynard Kendrick.-- Hillman Books; 1961, c1951.-- (Hillman Books ; 193).</t>
  </si>
  <si>
    <t>Three for the money / James McConnaughey.-- Pocket Books; 1955, c1954.-- (Pocket book ; 1050 ; mystery).</t>
  </si>
  <si>
    <t>Bodies are where you find them / by Brett Halliday.-- New Dell ed.-- Dell; 1959, c1941.-- (Dell Book ; D327).</t>
  </si>
  <si>
    <t>I come to kill you / Brett Halliday.-- Dell; 1971.-- (Dell Book ; 3984 . A new Mike Shayne mystery).</t>
  </si>
  <si>
    <t>Killers from the keys / by Brett Halliday.-- Dell; 1962, c1961.-- (Dell Book ; 4476 ).</t>
  </si>
  <si>
    <t>Michael Shayne's long chance / by Brett Halliday.-- Dell; c1944.-- (Dell Book ; 866).</t>
  </si>
  <si>
    <t>Murder and the married virgin / Brett Halliday.-- New Dell ed.-- Dell; 1957, c1944.-- (Dell Book ; 960).</t>
  </si>
  <si>
    <t>Murder and the wanton bride / by Brett Halliday.-- Dell; 1959, c1958.-- (Dell Book ; D283).</t>
  </si>
  <si>
    <t>Murder by proxy / by Brett Halliday.-- Dell; 1963, c1962.-- (Dell Book ; 5949).</t>
  </si>
  <si>
    <t>Shoot the works / Brett Halliday.-- Dell; 1958, c1957.-- (Dell Book ; 988).</t>
  </si>
  <si>
    <t>Stranger in town / by Brett Halliday.-- Dell; c1955.-- (Dell Book ; 914).</t>
  </si>
  <si>
    <t>The dain curse / by Dashiell Hammett.-- Pocket Books; 1945.-- (Pocket book ; 295).</t>
  </si>
  <si>
    <t>The glass key / Dashiell Hammett.-- Pocket books ed.-- Pocket Books; 1943.-- (Pocket book ; 211 . A Ned Beaumont mystery ).</t>
  </si>
  <si>
    <t>Red harvest / by Dashiell Hammett.-- Pocket Books; 1945, c1929.-- (Pocket book ; 241).</t>
  </si>
  <si>
    <t>The thin man / by Dashiell Hammett.-- Pocket Books; 1943, c1934.-- (Pocket book ; 196 . A Nick Charles mystery).</t>
  </si>
  <si>
    <t>The thin man / Dashiell Hammett.-- Vintage Books; 1972, c1962.-- (A Vintage book ; V-774).</t>
  </si>
  <si>
    <t>Best detective stories of Cyril Hare / selected and introduction by Michael Gilbert.-- Penguin Books; 1964, c1959.-- (Penguin books ; 2194).</t>
  </si>
  <si>
    <t>An English murder / Cyril Hare.-- Penguin Books in association with Faber; 1956.-- (Penguin books ; 1123).</t>
  </si>
  <si>
    <t>He should have died hereafter / Cyril Hare.-- Penguin Books in association with Faber and Faber; 1960.-- (Penguin books ; 1486).</t>
  </si>
  <si>
    <t>That yew tree's shade / Cyril Hare.-- Penguin Books in association with Faber &amp; Faber; 1956.-- (Penguin books ; 1064).</t>
  </si>
  <si>
    <t>Tragedy at law / Cyril Hare.-- Penguin Books in association with Faber and Faber; 1953.-- (Penguin books ; 897 . Mystery and crime).</t>
  </si>
  <si>
    <t>A treasury of great mysteries / edited by Howard Haycraft and John Beecroft ; [v. 1], v. 2.-- Simon and Schuster; c1957.</t>
  </si>
  <si>
    <t>808.83/H49/1</t>
  </si>
  <si>
    <t>808.83/H49/2</t>
  </si>
  <si>
    <t>English literature / by C.H. Herford.-- E. Benn; 1927.-- (Benn's sixpenny library ; no. 51).</t>
  </si>
  <si>
    <t>820.9/H53</t>
  </si>
  <si>
    <t>A suspension of mercy / Patricia Highsmith.-- Penguin Books; 1981, c1965.-- (Penguin crime fiction).</t>
  </si>
  <si>
    <t>813.5/H55</t>
  </si>
  <si>
    <t>Cotton comes to Harlem / Chester Himes.-- Penguin Books; 1974, c1965.-- (Penguin crime fiction).</t>
  </si>
  <si>
    <t>Keep it quiet / Richard Hull.-- Penguin Books; 1954.-- (Penguin books ; 992).</t>
  </si>
  <si>
    <t>823.91/H98</t>
  </si>
  <si>
    <t>Murder of my aunt / Richard Hull.-- Penguin Books; 1953.-- (Penguin books ; 953 . Mystery and crime).</t>
  </si>
  <si>
    <t>Men of science in America : the role of science in the growth of our country / by Bernard Jaffe.-- Editions for the Armed Services; c1944.-- (Armed services editions ; 809).</t>
  </si>
  <si>
    <t>509.73/J13</t>
  </si>
  <si>
    <t>The skull beneath the skin / P.D. James.-- Warner Books; 1983, c1982.-- (Warner books ; mystery).</t>
  </si>
  <si>
    <t>A taste for death / P.D. James ; pbk..-- Faber and Faber; 1986.</t>
  </si>
  <si>
    <t>The mysterious universe / by Sir James Jeans.-- Cambridge University Press.</t>
  </si>
  <si>
    <t>500.2/J31</t>
  </si>
  <si>
    <t>The footsteps at the lock / Ronald Knox.-- Penguin Books; 1964, c1928.-- (Penguin books ; 1741).</t>
  </si>
  <si>
    <t>The three taps : a detective story without a moral / Ronald A. Knox.-- Penguin Books; 1960.-- (Penguin books ; 1451).</t>
  </si>
  <si>
    <t>A question of time / Helen McCloy.-- Dell; 1972, c1971.-- (Dell Book ; 7209).</t>
  </si>
  <si>
    <t>Area of suspicion / John D. MacDonald.-- Fawcett; 1961.-- (Gold medal books ; s1112).</t>
  </si>
  <si>
    <t>813.5/Ma14</t>
  </si>
  <si>
    <t>Dead low tide : a gold medal original / by John D. MacDonald.-- Fawcett; 1958, c1953.-- (Gold medal books ; 737).</t>
  </si>
  <si>
    <t>Murder for the bride : a gold medal original / by John D. MacDonald.-- Fawcett; 1958, c1951.-- (Gold medal books ; 767).</t>
  </si>
  <si>
    <t>Murder in the wind / by John D. MacDonald.-- Dell; c1956.-- (Dell first edition ; A113).</t>
  </si>
  <si>
    <t>On the make / John D. MacDonald.-- Dell; 1960, c1955.-- (Dell first edition ; B134).</t>
  </si>
  <si>
    <t>Soft touch / by John D. MacDonald.-- Dell; 1958.-- (Dell first edition ; B121).</t>
  </si>
  <si>
    <t>The turquoise lament / John D. MacDonald.-- Fawcett; 1974, c1973.-- (A Fawcett gold medal book ; P2810 . Travis McGee series).</t>
  </si>
  <si>
    <t>The barbarous coast / Ross Macdonald.-- Bantam Books; 1966, c1956.-- (Bantam books ; F3230 ; mystery).</t>
  </si>
  <si>
    <t>Black money / Ross Macdonald.-- Bantam Books; 1973, c1965.-- (Bantam books ; N7268 ; mystery . A Lew Archer novel).</t>
  </si>
  <si>
    <t>Blue city / Ross Macdonald (Kenneth Millar).-- Bantam Books; 1968, c1947.-- (Bantam books ; F3867 ; novel ; 7).</t>
  </si>
  <si>
    <t>The blue hammer / Ross Macdonald.-- Bantam Books; 1977, c1976.-- (Bantam books ; mystery . The new Lew Archer novel).</t>
  </si>
  <si>
    <t>The chill / Ross Macdonald.-- Bantam Books; 1970, c1963.-- (Bantam books ; S4430 ; mystery . A Lew Archer novel).</t>
  </si>
  <si>
    <t>The dark tunnel / Ross Macdonald.-- Bantam Books; 1972, c1944.-- (Bantam books ; N7367 ; mystery).</t>
  </si>
  <si>
    <t>The drowning pool / John Ross Macdonald.-- Pocket Books; 1959, c1950.-- (Pocket book ; 2821 ; mystery ; 1).</t>
  </si>
  <si>
    <t>Find a victim / John Ross Macdonald.-- Bantam Books; 1955, c1954.-- (Bantam books ; 1360 ; mystery).</t>
  </si>
  <si>
    <t>The instant enemy / Ross Macdonald.-- Bantam Books; 1968.-- (Bantam books ; mystery . A Lew Archer novel).</t>
  </si>
  <si>
    <t>Marked for murder / John Ross Macdonald.-- Pocket Books; 1953, c1952.-- (Pocket book ; 971 ; mystery).</t>
  </si>
  <si>
    <t>Meet me at the morgue / Ross Macdonald.-- Bantam Books; 1984, c1953.-- (Bantam books ; mystery).</t>
  </si>
  <si>
    <t>The moving target / by John Macdonald.-- Pocket Books; 1950, c1949.-- (Pocket book ; 680).</t>
  </si>
  <si>
    <t>Sleeping beauty / Ross Macdonald.-- Bantam Books; 1984, c1973.-- (Bantam books ; mystery).</t>
  </si>
  <si>
    <t>The three roads / Ross Macdonald.-- New Bantam ed.-- Bantam Books; 1974, c1948.-- (Bantam books ; Q8420 ; mystery).</t>
  </si>
  <si>
    <t>The three roads / Ross Macdonald.-- New Bantam ed.-- Bantam Books; 1983, c1948.-- (Bantam books ; mystery).</t>
  </si>
  <si>
    <t>The underground man / Ross Macdonald.-- Bantam Books; 1972, c1971.-- (Bantam books ; Q7040 ; mystery).</t>
  </si>
  <si>
    <t>The way some people die / John Ross Macdonald.-- Pocket Books; 1952, c1951.-- (Pocket book ; 907 ; mystery).</t>
  </si>
  <si>
    <t>The Wycherly woman / by Ross Macdonald.-- Bantam Books; 1963, c1961.-- (Bantam books ; F2665 ; mystery).</t>
  </si>
  <si>
    <t>The Polferry riddle / by Philip MacDonald.-- Vintage Books; 1983, c1931.-- (A Vintage book ; . An Anthonyy Gethryn mystery).</t>
  </si>
  <si>
    <t>823.91/Ma14</t>
  </si>
  <si>
    <t>The rasp / Philip MacDonald.-- Vintage Books; 1984.-- (A Vintage book ; . An Anthonyy Gethryn mystery).</t>
  </si>
  <si>
    <t>The rasp / Philip Macdonald.-- Penguin Books; 1937.-- (Penguin books ; 79 . The Bodley Head).</t>
  </si>
  <si>
    <t>Warrant for X / by Philip MacDonald.-- Pocket Books; 1945, c1938.-- (Pocket book ; 328).</t>
  </si>
  <si>
    <t>The crooked frame / by William P. McGivern.-- Pocket books; 1953, c1952.-- (Pocket book ; 961 ; mystery).</t>
  </si>
  <si>
    <t>813.5/Ma15</t>
  </si>
  <si>
    <t>:Savage streets / William P. McGivern.-- Pocket Books; 1961, c1959.-- (Pocket book ; 6101).</t>
  </si>
  <si>
    <t>Shield for murder / by William P. McGivern.-- Pocket Books; 1952, c1951.-- (Pocket book ; 870 ; mystery).</t>
  </si>
  <si>
    <t>The perfect victim / James McKimmey.-- Dell; 1958.-- (Dell first edition ; A159).</t>
  </si>
  <si>
    <t>813.5/Ma21</t>
  </si>
  <si>
    <t>The wrong ones / James McKimmey.-- Dell; 1961.-- (Dell first edition ; B192).</t>
  </si>
  <si>
    <t>Strange and fantastic stories : tales of terror, horror and fantasy / edited by Joseph A. Margolies ; introduction by Christopher Morley.-- Editions for the Armed Services; c1946.-- (Armed services editions ; 1223).</t>
  </si>
  <si>
    <t>808.83/Ma51</t>
  </si>
  <si>
    <t>The house of the arrow / by A.E.W. Mason.-- Copyright ed.-- B. Tauchnitz; [19--].-- (Collection of British authors ; v. 4664).</t>
  </si>
  <si>
    <t>823.91/Ma64</t>
  </si>
  <si>
    <t>Beast in view / by Margaret Millar.-- Bantam Books; 1966, c1955.-- (Bantam books ; H3131).</t>
  </si>
  <si>
    <t>813.5/Mi27</t>
  </si>
  <si>
    <t>Do evil in return / Margaret Millar.-- Lancer Books; 1965, c1950.-- (Lancer book ; 72-968 ; 8).</t>
  </si>
  <si>
    <t>The iron gates / by Margaret Millar.-- New Dell ed.-- Dell; 1960, c1945.-- (Dell Book ; D332).</t>
  </si>
  <si>
    <t>The lively corpse : Rose's last summer / by Margaret Millar.-- Dell; c1952.-- (Dell Book ; 920).</t>
  </si>
  <si>
    <t>The listening walls / Margaret Millar.-- New ed.-- Dell; 1967, c1959.-- (Dell Book ; 4863).</t>
  </si>
  <si>
    <t>The green eye of Goona : stories of a case of tokay / by Arthur Morrison.-- Copyright ed.-- B. Tauchnitz; 1905.-- (Collection of British authors ; v. 3791).</t>
  </si>
  <si>
    <t>823.91/Mo78</t>
  </si>
  <si>
    <t>Green ginger / by Arthur Morrison.-- Copyright ed.-- B. Tauchnitz; 1909.-- (Collection of British authors ; v. 4105 . Arthur Morrison ; 8).</t>
  </si>
  <si>
    <t>Mayhem in B-flat : a Homer Evans murder mystery / by Elliot Paul.-- Bantam Books; 1950, c1940.-- (Bantam books ; 850).</t>
  </si>
  <si>
    <t>813.5/P28</t>
  </si>
  <si>
    <t>Mysterious Mickey Finn : an international mystery / Elliot Paul.-- Penguin Books; 1953, c1939.-- (Penguin books ; 887 . Mystery and crime).</t>
  </si>
  <si>
    <t>Hunt the man down / William Pearson.-- Pocket Books; 1956.-- (Pocket book ; 1141 ; mystery ; 1).</t>
  </si>
  <si>
    <t>813.5/P31</t>
  </si>
  <si>
    <t>The human boy / by Eden Phillpotts.-- Copyright ed.-- B. Tauchnitz; 1899.-- (Collection of British authors ; v. 3392 . Eden Phillpotts ; 3).</t>
  </si>
  <si>
    <t>823.91/P55</t>
  </si>
  <si>
    <t>The red Redmaynes / by Eden Phillpotts.-- Copyright ed.-- B. Tauchnitz; [19--].-- (Collection of British authors ; v. 4634).</t>
  </si>
  <si>
    <t>The ledger is kept / Raymond Postgate.-- Penguin Books in association with Michael Joseph; 1958.-- (Penguin books ; 1312).</t>
  </si>
  <si>
    <t>823.91/P84</t>
  </si>
  <si>
    <t>Lightning strikes twice / by Jean Potts.-- Dell; 1962, c1958.-- (Dell Book ; R120).</t>
  </si>
  <si>
    <t>813.5/P85</t>
  </si>
  <si>
    <t>Beware the young stranger / by Ellery Queen.-- Pocket Books; 1965.-- (Pocket book ; 35053).</t>
  </si>
  <si>
    <t>813.5/Q3</t>
  </si>
  <si>
    <t>Blow hot, blow cold / Ellery Queen.-- Pocket Books; 1964.-- (Pocket book ; 35010 . A new murder mystery).</t>
  </si>
  <si>
    <t>The campus murders / Ellery Queen .-- Lancer Books; 1969 .-- (Lancer book ; 74-527 ; 7 . The troubleshooter : a smashing, up-to-the-minute suspense series ; no. 1).</t>
  </si>
  <si>
    <t>The copper frame / Ellery Queen.-- Pocket Books; 1965.-- (Pocket book ; 35059).</t>
  </si>
  <si>
    <t>808.83/E48</t>
  </si>
  <si>
    <t>The copper frame ; and, A room to die in / by Ellery Queen .-- Double Ellery Queen ed.-- New American Library; 1981, c1965.-- (A Signet book ; AE3120 . A Signet double mystery).</t>
  </si>
  <si>
    <t>A craving for violence : eight stories from 'Ellery Queen's Mystery Magazine' / edited by Ellery Queen.-- New English Library/Times Mirror; 1969, c1965.-- (New English library ; 2430 . A new collection).</t>
  </si>
  <si>
    <t>Death spins the platter / Ellery Queen.-- Pocket Books; 1962.-- (Pocket book ; 6126).</t>
  </si>
  <si>
    <t>Double, double : a new novel of Wrightsville / Ellery Queen.-- Pocket Books; 1952, c1950.-- (Pocket book ; 874 ; mystery).</t>
  </si>
  <si>
    <t>Drury Lane's last case : the tragedy of 1599 / Ellery Queen.-- Pocket Books; 1950, c1933.-- (Pocket book ; 669).</t>
  </si>
  <si>
    <t>The Egyptian cross mystery / Ellery Queen.-- Pocket Books; 1945, c1932.-- (Pocket book ; 227 . An Ellery Queen mystery).</t>
  </si>
  <si>
    <t>Ellery Queen's all-star lineup : 22 stories from Ellery Queen's mystery magazine : 22nd mystery annual / edited by Ellery Queen .-- New American Library; 1968.-- (A Signet book ; T3698 . A Signet mystery).</t>
  </si>
  <si>
    <t>808.83/Q3</t>
  </si>
  <si>
    <t>Ellery Queen's anthology / edited by Ellery Queen ; 8 : 1965 - 47 : Fall 1983.-- Davis Publications; c1963-.</t>
  </si>
  <si>
    <t>Ellery Queen's crime carousel : 21 stories from Ellery Queen's mystery magazine : 21st annual / edited by Ellery Queen.-- New American Library; 1967, c1966.-- (A Signet book ; P3267 . A Signet mystery).</t>
  </si>
  <si>
    <t>Ellery Queen's lethal black book.-- Dell; 1965.-- (Dell Book ; 2261).</t>
  </si>
  <si>
    <t>Ellery Queen's mystery bag : 25 stories from Ellery Queen's mystery magazine : 27th mystery annual.-- Manor Books; 1973.-- (Manor books ; 12153 ; mystery).</t>
  </si>
  <si>
    <t>Ellery Queen's 16th mystery annual : the year's best from Ellery Queen's mystery magazine / edited by Ellery Queen.-- Popular Library; 1962, c1961.-- (Popular library ; K14).</t>
  </si>
  <si>
    <t>Twentieth century detective stories / edited by Ellery Queen.-- New and rev. ed.-- Popular Library; c1964.-- (Popular library ; SP333).</t>
  </si>
  <si>
    <t>The finishing stroke / Ellery Queen.-- Pocket Books; 1959, c1958.-- (A Cardinal edition ; C-343 ; mystery ; 3).</t>
  </si>
  <si>
    <t>Ellery Queen's 12.-- Dell; 1964.-- (Dell Book ; 2259).</t>
  </si>
  <si>
    <t>The four Johns / Ellery Queen.-- Pocket Books; 1964.-- (Pocket book ; 4706 . A new murder mystery).</t>
  </si>
  <si>
    <t>The golden goose / Ellery Queen.-- Pocket Books; 1964.-- (Pocket book ; 6226 . A new murder mystery).</t>
  </si>
  <si>
    <t>The house of brass / Ellery Queen.-- New American Library/Times Mirror; 1969, c1968.-- (A Signet book ; Y6958 . The exciting NBC-TV series!).</t>
  </si>
  <si>
    <t>The house of brass / Ellery Queen.-- New American Library; 1969, c1968.-- (A Signet book ; T3831 . A Signet mystery).</t>
  </si>
  <si>
    <t>How goes the murder? / Ellery Queen.-- Popular Library; c1967.-- (Popular library).</t>
  </si>
  <si>
    <t>Inspector Queen's own case / Ellery Queen.-- Pocket Books; 1957, c1956.-- (Pocket book ; 1167 ; mystery ; 7).</t>
  </si>
  <si>
    <t>The doomsters / by Ross Macdonald.-- Bantam Books; 1959, c1958.-- (Bantam books ; A2024 ; mystery).</t>
  </si>
  <si>
    <t>The far side of the dollar / Ross Macdonald.-- Bantam Books; 1966, c1964.-- (Bantam books ; F3159 ; mystery).</t>
  </si>
  <si>
    <t>The Ferguson affair / Ross Macdonald.-- Bantam Books; 1983, c1960.-- (Bantam books ; mystery).</t>
  </si>
  <si>
    <t>Find a victim / Ross Macdonald.-- Bantam Books; 1967, c1954.-- (Bantam books ; F3342 ; mystery).</t>
  </si>
  <si>
    <t>The Galton case / Ross Macdonald.-- Bantam Books; 1966, c1959.-- (Bantam books ; F3231 ; mystery).</t>
  </si>
  <si>
    <t>The goodbye look / by Ross Macdonald.-- Bantam Books; 1970, c1969.-- (Bantam books ; N5357 ; novel . The newest Lew Archer novel).</t>
  </si>
  <si>
    <t>The name is Archer / Ross Macdonald.-- Bantam Books; 1971, c1955.-- (Bantam books ; N5996 . A Lew Archer novel).</t>
  </si>
  <si>
    <t>Trouble follows me / Ross Macdonald.-- Bantam Books; 1983.-- (Bantam books ; mystery).</t>
  </si>
  <si>
    <t>The zebra-striped hearse / Ross Macdonald.-- Bantam Books; 1970, c1962.-- (Bantam books ; mystery . A Lew Archer novel).</t>
  </si>
  <si>
    <t>Odds against tomorrow / William P. McGivern.-- Pocket Books; 1959, c1957.-- (A Cardinal edition ; C-316 ; suspense ; 6).</t>
  </si>
  <si>
    <t>Rogue cop / William P. McGivern.-- Pocket Books; 1954.-- (Pocket book ; 1030 ; mystery ; 0).</t>
  </si>
  <si>
    <t>The summons / by A.E.W. Mason.-- Hodder and Stoughton; [n.d.].</t>
  </si>
  <si>
    <t>How like an angel / Margaret Millar.-- Penguin Books; 1985, c1962.-- (Penguin crime fiction).</t>
  </si>
  <si>
    <t>The soft talkers / Margaret Millar.-- Penguin Books; 1984, c1957.-- (Penguin crime fiction).</t>
  </si>
  <si>
    <t>The red house mystery / by A.A. Milne.-- Penguin Books; 1938.-- (Penguin books ; 156 . Mystery and crime).</t>
  </si>
  <si>
    <t>823.91/Mi28</t>
  </si>
  <si>
    <t>The American Union / H.G. Nicholas.-- Penguin Books; 1950.-- (Pelican books ; A 207).</t>
  </si>
  <si>
    <t>973/N71</t>
  </si>
  <si>
    <t>The English stage / by Allardyce Nicoll.-- Ernest Benn; 1928.-- (Benn's sixpenny library ; no. 32).</t>
  </si>
  <si>
    <t>792.09/N71</t>
  </si>
  <si>
    <t>The last time I saw Paris / by Elliot Paul.-- Editions for the Armed Services; c1942.-- (Armed services editions ; 927).</t>
  </si>
  <si>
    <t>814.5/P28</t>
  </si>
  <si>
    <t>A voice from the dark / by Eden Phillpotts.-- Copyright ed.-- B. Tauchnitz; 1925.-- (Collection of British authors ; v. 4689).</t>
  </si>
  <si>
    <t>Medieval people / by Eileen Power.-- Penguin Books; 1937.-- (Pelican books ; A19).</t>
  </si>
  <si>
    <t>901.92/P87</t>
  </si>
  <si>
    <t>The English novel / by J.B. Priestley.-- Ernest Benn; 1928.-- (Benn's sixpenny library ; no. 87).</t>
  </si>
  <si>
    <t>823.09/P93</t>
  </si>
  <si>
    <t>Ellery Queen's Calendar of crime.-- Pocket Books; 1953, c1951.-- (Pocket book ; 960 ; mystery).</t>
  </si>
  <si>
    <t>Dead man's tale / Ellery Queen.-- Pocket Books; 1961.-- (Pocket book ; 6117).</t>
  </si>
  <si>
    <t>The Greek coffin mystery / by Ellery Queen.-- Pocket Books; 1945, c1932.-- (Pocket book ; 179 . An Ellery Queen mystery).</t>
  </si>
  <si>
    <t>The four of hearts / Ellery Queen.-- Pocket Books; 1945, c1938.-- (Pocket book ; 245 . An Ellery Queen mystery).</t>
  </si>
  <si>
    <t>Kill as directed / by Ellery Queen.-- New American Library/Times Mirror; 1973, c1963.-- (A Signet book ; Q5665 ; mystery . America's master crime solver).</t>
  </si>
  <si>
    <t>Kill as directed / Ellery Queen.-- Pocket Book; 1963.-- (Pocket book ; 6205).</t>
  </si>
  <si>
    <t>The killer touch / Ellery queen.-- Pocket Books; 1965.-- (Pocket book ; 35075).</t>
  </si>
  <si>
    <t>The king is dead / Ellery Queen.-- Pocket Books; 1960, c1952.-- (Pocket book ; 6047 ; mystery).</t>
  </si>
  <si>
    <t>Kiss and kill / Ellery Queen.-- Dell Books; 1969.-- (Dell Book ; 4567).</t>
  </si>
  <si>
    <t>The last man club / Ellery Queen.-- Pyramid Books; 1968.-- (Pyramid books ; R-1835).</t>
  </si>
  <si>
    <t>The last score / Ellery Queen.-- Pocket Books; 1964.-- (Pocket book ; 35025).</t>
  </si>
  <si>
    <t>Losers, weepers / by Ellery Queen.-- Dell; 1966.-- (Dell Book ; 5034).</t>
  </si>
  <si>
    <t>The madman theory / Ellery Queen.-- Pocket Books; 1966.-- (Pocket book ; 50496).</t>
  </si>
  <si>
    <t>The penthouse mystery / Ellery Queen.-- Pyramid Books; 1968, c1941.-- (Pyramid books ; R-1810).</t>
  </si>
  <si>
    <t>The Queen's awards, eighth series : the winners of the eighth annual detective short-story contest sponsored by Ellery Queen's Mystery Magazine / edited by Ellery Queen.-- Permabooks; 1955, c1953.-- (Permabooks ; M3015 ; 5).</t>
  </si>
  <si>
    <t>The Queen's awards, fifth series : the winners of the fifth annual detective short-story contest sponsored by Ellery Queen's Mystery magazine / edited by Ellery Queen.-- Ace Books; c1950.-- (Ace double-size book ; D-493).</t>
  </si>
  <si>
    <t>Queens full : 3 novelets and a pair of short shorts / Ellerry Queen.-- New American Library; 1966, c1965.-- (A Signet book ; D2894 ; mystery).</t>
  </si>
  <si>
    <t>Ellery Queen's Rogues' gallery  ; 1.-- Dell; 1966.-- (Dell Book ; 7478).</t>
  </si>
  <si>
    <t>Shoot the scene / Ellery Queen.-- Dell; 1966.-- (Dell Book ; 7845).</t>
  </si>
  <si>
    <t>A study in terror / Ellery Queen .-- Lancer Books; 1966.-- (Lancer book ; 73-469 ; 9).</t>
  </si>
  <si>
    <t>There was an old woman / by Ellery Queen.-- Pocket Books; 1945, c1943.-- (Pocket book ; 326).</t>
  </si>
  <si>
    <t>Which way to die? / Ellery Queen.-- Popular Library; c1967.-- (Popular library ; 60-2235).</t>
  </si>
  <si>
    <t>Where is Bianca? / Ellery Queen.-- Four Square; 1966.-- (A Four Square book ; 1632 . Four Square crime).</t>
  </si>
  <si>
    <t>Who spies, who kills? : a Tim Corrigan mystery / by Ellery Queen.-- Popular Library; c1966.-- (Popular library ; 60-2111).</t>
  </si>
  <si>
    <t>Why so dead? : a Tim Corrigan mystery / Ellery Queen.-- Popular Library; c1966.-- (Popular library ; 60-2122/a).</t>
  </si>
  <si>
    <t>The woman in the case / Ellery Queen.-- Bantam Books; 1966.-- (Bantam mystery ; F3160).</t>
  </si>
  <si>
    <t>The man in the net / Patrick Quentin.-- Dell; 1959, c1956.-- (Dell Book ; D261).</t>
  </si>
  <si>
    <t>The devil in the flesh / by R. Radiguet ; foreword by Aldous Huxley ; translation by Kay Boyle.-- H. Smith; 1932.</t>
  </si>
  <si>
    <t>843.91/R11</t>
  </si>
  <si>
    <t>South moon under / by Marjorie Kinnan Rawlings.-- Editions for the Armed Services; 1933.-- (Armed services editions ; 724).</t>
  </si>
  <si>
    <t>813.5/R18</t>
  </si>
  <si>
    <t>The canvas dagger / Helen Reilly.-- Bantam Books; 1959, c1956.-- (Bantam books ; 1858).</t>
  </si>
  <si>
    <t>813.5/R25</t>
  </si>
  <si>
    <t>Mr. Smith's hat / Helen Reilly.-- Manor Books; c1936.-- (Manor books ; 15311 ; mystery).</t>
  </si>
  <si>
    <t>Staircase 4 : an inspector Mckee murder mystery / by Helen Reilly.-- Dell; c1949.-- (Dell Book ; 498).</t>
  </si>
  <si>
    <t>Dead men at the folly / [John Rhode].-- [Collins]; [19--].</t>
  </si>
  <si>
    <t>823.91/R31</t>
  </si>
  <si>
    <t>The murders in Praed street / by John Rhode.-- Penguin Books; 1937.-- (Penguin books ; 98 . Mystery &amp; crime).</t>
  </si>
  <si>
    <t>Poison for one / by John Rhode.-- Published for the Crime Club by Collins; 1936.-- (A Crime Club book ; v. 15).</t>
  </si>
  <si>
    <t>Knocked for a loop / Craig Rice.-- Pocket Books; 1958, c1957.-- (Pocket book ; 1215 ; mystery ; 5).</t>
  </si>
  <si>
    <t>813.5/R33</t>
  </si>
  <si>
    <t>The bat / by Mary Roberts Rinehart.-- Dell; c1926.-- (Dell Book ; 652).</t>
  </si>
  <si>
    <t>813.5/R45</t>
  </si>
  <si>
    <t>The circular staircase / by Mary Roberts Rinehart.-- Readers' League of America; c1935.-- (Armed services editions).</t>
  </si>
  <si>
    <t>The frightened wife : and other murder stories / by Mary Roberts Rinehart.-- Dell; c1953.-- (Dell Book ; D154).</t>
  </si>
  <si>
    <t>The great mistake / Mary Roberts Rinehart.-- New Dell ed.-- Dell; 1958, c1940.-- (Dell Book ; D251).</t>
  </si>
  <si>
    <t>Miss Pinkerton / Mary Roberts Rinehart.-- New Dell ed.-- Dell; 1958, c1932.-- (Dell Book ; D242).</t>
  </si>
  <si>
    <t>The red lamp / by Mary Roberts Rinehart.-- New Dell ed.-- Dell; 1966, c1953.-- (Dell Book ; 7308).</t>
  </si>
  <si>
    <t>The red right hand / by Joel Townsley Rogers.-- Dell; 1957, c1945.-- (Dell book ; D203).</t>
  </si>
  <si>
    <t>813.5/R62</t>
  </si>
  <si>
    <t>The tragedy of Z : a Drury Lane mystery / by Barnaby Ross.-- The Albatross; c1934.-- (The Albatross library ; 202).</t>
  </si>
  <si>
    <t>813.5/R73</t>
  </si>
  <si>
    <t>Guys and dolls / Damon Runyon.-- Pocket Books; 1955, c1937.-- (Pocket book ; 1098 ; fiction).</t>
  </si>
  <si>
    <t>813.5/R86</t>
  </si>
  <si>
    <t>The Anderson tapes / Lawrence Sanders.-- Granada; 1979, c1970.-- (Panther books ; fiction).</t>
  </si>
  <si>
    <t>813.5/Sa62</t>
  </si>
  <si>
    <t>The sixth commandment / Lawrence Sanders.-- Granada; 1980, c1979.-- (Panther books ; fiction).</t>
  </si>
  <si>
    <t>The eighth commandment / Lawrence Sanders.-- Berkley international ed.-- Berkley Books; c1986.-- (A Berkley book).</t>
  </si>
  <si>
    <t>The Marlow chronicles / Lawrence Sanders.-- Berkley Books; 1982, c1977.-- (Berkley books ; novel).</t>
  </si>
  <si>
    <t>Tales of the wolf : the cases of Wolf Lannihan / Lawrence Sanders.-- Avon; 1986.-- (Avon books ; fiction).</t>
  </si>
  <si>
    <t>The pleasures of Helen / Lawrence Sanders.-- Berkley Books; 1982, c1971.-- (Berkley books ; novel).</t>
  </si>
  <si>
    <t>Busman's honeymoon : a love story with decetive interruptions / by Dorothy L. Sayers.-- The Albatross; c1939.-- (The Albatross modern continental library ; v. 395).</t>
  </si>
  <si>
    <t>823.91/Sa99</t>
  </si>
  <si>
    <t>Busman's honeymoon / by Dorothy L. Sayers.-- Editions for the Armed Services; c1937.-- (Armed services editions ; 890).</t>
  </si>
  <si>
    <t>Clouds of witness / by Dorothy L. Sayers.-- V. Gollancz; 1936.</t>
  </si>
  <si>
    <t>The documents in the case / Dorothy L. Sayers and Robert Eustace.-- Penguin Books; 1937.-- (Penguin books ; 89 . Mystery &amp; crime).</t>
  </si>
  <si>
    <t>The five red herrings / by Dorothy L. Sayers.-- V. Gollancz; 1938.</t>
  </si>
  <si>
    <t>Hangman's holoday / by Dorothy L. Sayers.-- V. Gollancz; 1937.</t>
  </si>
  <si>
    <t>Have his carcase / by Dorothy L. Sayers.-- V. Gollancz; 1936.</t>
  </si>
  <si>
    <t>In the teeth of the evidence : and other stories / by Dorothy L. Sayers.-- Avon; c1951.-- (Avon pocket size books ; 335).</t>
  </si>
  <si>
    <t>In the teeth of the evidence / Dorothy L. Sayers.-- Landsborough; 1960.-- (A Four Square book ; no. 221).</t>
  </si>
  <si>
    <t>The nine Tailors : changes rung on an old theme in two short touches and two full peals / by Dorothy L. Sayers.-- The Albatross; 1934.-- (The Albatross modern continental library ; v. 212).</t>
  </si>
  <si>
    <t>Striding folly : including three final Lord Peter Wimsey stories / Dorothy L. Sayers.-- New English Library/Times Mirror; c1972.-- (New English library).</t>
  </si>
  <si>
    <t>Strong poison : a Lord Peter Wimsey mystery / Dorothy L. Sayers.-- Readers' League of America; c1930.-- (Armed services editions).</t>
  </si>
  <si>
    <t>Unnatural death / by Dorothy L. Sayers.-- V. Gollancz; 1936.</t>
  </si>
  <si>
    <t>The unpleasantness at the Bellona Club / Dorothy L. Sayers.-- Avon; 1963, c1956.-- (Avon books ; 55756 . A Lord Peter Wimsey novel).</t>
  </si>
  <si>
    <t>The unpleasantness at the Bellona club / Dorothy L. Sayers.-- Penguin Books; 1935.-- (Penguin books ; 5 . The bodley head).</t>
  </si>
  <si>
    <t>Whose body? / by Dorothy L. Sayers.-- W. Collins; c1937.-- (Collins mystery novel ; v. 210).</t>
  </si>
  <si>
    <t>The big kill / by Mickey Spillane.-- New American Library; 1951.-- (A Signet book ; 915).</t>
  </si>
  <si>
    <t>813.5/Sp5</t>
  </si>
  <si>
    <t>The girl hunters / by Mickey Spillane.-- New American Library; 1963.-- (A Signet book ; D2266).</t>
  </si>
  <si>
    <t>My gun is quick / by Mickey Spillane.-- New American Library; 1953, c1950.-- (A Signet book ; 791).</t>
  </si>
  <si>
    <t>Vengeance is mine / by Mickey Spillane.-- New American Library; 1952, c1950.-- (A Signet book ; 852).</t>
  </si>
  <si>
    <t>And be a villain : a Nero Wolfe novel / by Rex Stout.-- Bantam Books; 1950, c1948.-- (Bantam books ; 824).</t>
  </si>
  <si>
    <t>813.5/St7</t>
  </si>
  <si>
    <t>And four to go : a Nero Wolfe foursome / by Rex Stout.-- Bantam Books; 1967, c1957.-- (Bantam books ; F3478).</t>
  </si>
  <si>
    <t>Bad for business : a Tecumseh Fox mystery / by Rex Stout.-- Dell; c1940.-- (Dell Book ; 299).</t>
  </si>
  <si>
    <t>Before midnight : a Nero Wolfe novel / by Rex Stout.-- Bantam Books; 1965, c1955.-- (Bantam books ; F3023 ; mystery).</t>
  </si>
  <si>
    <t>The black mountain : a Nero Wolfe novel / by Rex Stout.-- Bantam Books; 1970, c1954.-- (Bantam books ; S4882 ; mystery).</t>
  </si>
  <si>
    <t>Champagne for one : a Nero Wolfe mystery / by Rex Stout.-- Bantam Books; 1968, c1958.-- (Bantam books ; F3581 ; mystery).</t>
  </si>
  <si>
    <t>My son, the murderer / by Patrick Quentin.-- Dell; c1954.-- (Dell Book ; 890).</t>
  </si>
  <si>
    <t>The big midget murders / by Craig Rice.-- Pocket Books; 1948.-- (Pocket book ; 528).</t>
  </si>
  <si>
    <t>The right murder : a Jake Justus mystery / by Craig Rice.-- Popular Library; c1941.-- (Popular library ; 89).</t>
  </si>
  <si>
    <t>Yesterday's murder (Telefair) : a novel of suspense / Craig Rice.-- Popular Library; c1942.-- (Popular library ; 253).</t>
  </si>
  <si>
    <t>Penguin parade : new stories, poems, etc / by contemporary writers ; edited by Denys Kilham Roberts ; [poems by Andrew Young and A.S.J. Tessimond ; illustrations by Beryl Edwards, Gertrude Hermes, John Oldag] ; 2.-- Penguin Books; 1938.</t>
  </si>
  <si>
    <t>808.83/R52/2</t>
  </si>
  <si>
    <t>The first deadly sin / Lawrence Sanders.-- Berkley Books; 1983.-- (Berkley books ; novel).</t>
  </si>
  <si>
    <t>The second deadly sin / Lawrence Sanders.-- Putnam; 1978.-- (A Berkley medallion book).</t>
  </si>
  <si>
    <t>The tenth commandment / Lawrence Sanders.-- Berkley Books; 1981, c1980.-- (Berkley books).</t>
  </si>
  <si>
    <t>The third deadly sin / Lawrence Sanders.-- Berkley Books; c1981.</t>
  </si>
  <si>
    <t>Caper / Lawrence Sanders.-- Sphere; 1987, c1980.</t>
  </si>
  <si>
    <t>Gaudy night / Dorothy L. Sayers.-- Albatross; c1938.-- (The Albatross modern continental library ; 364).</t>
  </si>
  <si>
    <t>Striding folly : including three final Lord Peter Wimsey stories / Dorothy L. Sayers.-- New ed.-- New English Library; 1982.-- (New English library ; 54810).</t>
  </si>
  <si>
    <t>Strong poison / Dorothy L. Sayers.-- V. Gollancz limited; 1930.</t>
  </si>
  <si>
    <t>The long wait / by Mickey Spillane.-- New American Library; c1951, 1952 printing.-- (A Signet book ; 932).</t>
  </si>
  <si>
    <t>One lonely night / by Mickey Spillane.-- The New American Library; c1951.-- (A Signet book ; 888).</t>
  </si>
  <si>
    <t>The broken vase / by Rex Stout.-- Dell; c1941.-- (Dell Book ; 674).</t>
  </si>
  <si>
    <t>Curtains for three : a Nero Wolfe threesome / by Rex Stout.-- Bantam Books; 1966, c1950.-- (Bantam books ; F3063 ; mystery).</t>
  </si>
  <si>
    <t>Death of a doxy : a Nero Wolfe novel / by Rex Stout.-- Bantam Books; 1967, c1966.-- (Bantam books ; F3476 ; mystery).</t>
  </si>
  <si>
    <t>Death of a dude : a Nero Wolfe novel / by Rex Stout.-- Bantam Books; 1970, c1969.-- (Bantam books ; S5487 ; mystery).</t>
  </si>
  <si>
    <t>The doorbell rang : a Nero Wolfe novel / by Rex Stout.-- New Bantam ed.-- Bantam Books; 1971, c1965.-- (Bantam books ; S6731 ; mystery).</t>
  </si>
  <si>
    <t>Double for death / Rex Stout.-- Pyramid Books; 1969, c1967.-- (Pyramid books ; X-1972).</t>
  </si>
  <si>
    <t>The father hunt : a Nero Wolfe novel / by Rex Stout.-- Bantam Books; 1969, c1968.-- (Bantam books ; H4467 ; mystery).</t>
  </si>
  <si>
    <t>Fer-de-lance : a Nero Wolfe mystery / by Rex Stout.-- Dell; 1958, c1934.-- (Dell Book ; D223).</t>
  </si>
  <si>
    <t>The final deduction : a Nero Wolfe novel / by Rex Stout.-- Bantam Books; 1968, c1955.-- (Bantam books ; F3848 ; mystery ; 8).</t>
  </si>
  <si>
    <t>Gambit : a Nero Wolfe novel / by Rex Stout.-- New Bantam ed.-- Bantam Books; 1973, c1962.-- (Bantam books ; N7697 ; mystery).</t>
  </si>
  <si>
    <t>The golden spiders : a Nero Wolfe novel / by Rex Stout.-- Bantam Books; 1969, c1953.-- (Bantam books ; F3991 ; mystery ; 1).</t>
  </si>
  <si>
    <t>Invitation to murder / Rex Stout.-- Avon; c1942.-- (Avon ; 738).</t>
  </si>
  <si>
    <t>The league of frightened men / Rex Stout.-- Pyramid Books; 1966, c1935.-- (Pyramid books ; R1362 . A Nero Wolfe mystery).</t>
  </si>
  <si>
    <t>The mother hunt : a Nero Wolfe novel / by Rex Stout.-- Bantam Books; 1969, c1963.-- (Bantam books ; H4468 ; mystery).</t>
  </si>
  <si>
    <t>Murder by the book : a Nero Wolfe novel / by Rex Stout.-- Bantam Books; 1968, c1951.-- (Bantam books ; F3901 ; mystery ; 1).</t>
  </si>
  <si>
    <t>Not quite dead enough : a Nero Wolfe double mystery / by Rex Stout.-- Editions for the Armed Services; c1944.-- (Armed services editions ; 906).</t>
  </si>
  <si>
    <t>Over my dead body / Rex Stout.-- Avon; [19--].-- (Avon ; T-296).</t>
  </si>
  <si>
    <t>Plot it yourself : a Nero Wolfe novel / by Rex Stout.-- Bantam Books; 1968, c1959.-- (Bantam books ; F3582 ; mystery).</t>
  </si>
  <si>
    <t>Prisoner's base : a Nero Wolfe mystery / Rex Stout.-- Bantam Books; 1975, c1952.-- (Bantam books ; Q2190 ; mystery).</t>
  </si>
  <si>
    <t>Prisoner's base : a Nero Wolfe novel / by Rex Stout.-- Bantam Books; 1955, c1952.-- (Bantam books ; 1326 ; mystery).</t>
  </si>
  <si>
    <t>The red box / Rex Stout.-- Penguin Books; 1957.-- (Penguin books ; 1175).</t>
  </si>
  <si>
    <t>The red box / Rex Stout.-- Pyramid Books; 1968, c1965.-- (Pyramid books ; X-1886).</t>
  </si>
  <si>
    <t>A right to die : a Nero Wolfe novel / by Rex Stout.-- Bantam Books; 1969, c1964.-- (Bantam books ; H4695 ; mystery).</t>
  </si>
  <si>
    <t>The rubber band / Rex Stout.-- Reader's League of America; c1936.</t>
  </si>
  <si>
    <t>The second confession : a Nero Wolfe novel / by Rex Stout.-- New Bantam ed.-- Bantam Books; 1968, c1949.-- (Bantam books ; F3900 ; mystery ; 0).</t>
  </si>
  <si>
    <t>The silent speaker : a Nero Wolfe novel / by Rex Stout.-- New Bantam ed.-- Bantam Books; 1967, c1946.-- (Bantam books ; F3477 ; mystery).</t>
  </si>
  <si>
    <t>Some buried Caesar / Rex Stout.-- Pyramid Books; 1968, c1967.-- (Pyramid books ; X-1847).</t>
  </si>
  <si>
    <t>The sound of murder / Rex Stout.-- Pyramid Books; 1965, c1941.-- (Pyramid books ; R-1123 . A green door mystery).</t>
  </si>
  <si>
    <t>Three at Wolfe's door : a Nero Wolfe threesome / by Rex Stout.-- Bantam Books; 1968, c1960.-- (Bantam books ; F3583 ; mystery).</t>
  </si>
  <si>
    <t>Three men out : a Nero Wolfe threesome / by Rex Stout.-- Bantam Books; 1955, c1953.-- (Bantam books ; 1388).</t>
  </si>
  <si>
    <t>Too many cooks / Rex Stout.-- Pyramid Books; 1969, c1966.-- (Pyramid books ; X-1800).</t>
  </si>
  <si>
    <t>3 doors to death / by Rex Stout.-- Dell; c1949.-- (Dell Book ; 626).</t>
  </si>
  <si>
    <t>Trio for blunt instruments : a Nero Wolfe threesome / by Rex Stout.-- Bantam Books; 1967, c1964.-- (Bantam books ; F3298 ; mystery).</t>
  </si>
  <si>
    <t>Where there's a will : a Nero Wolfe mystery / by Rex Stout.-- Avon Book; c1946.-- (New Avon library ; 103).</t>
  </si>
  <si>
    <t>Verdict of 13 : a Detection Club anthology / introduction by Julian Symons.-- Ballantine Books; 1980, c1978.-- (Ballantine mystery ; 28901 ; anthology).</t>
  </si>
  <si>
    <t>808.83/Sy5</t>
  </si>
  <si>
    <t>Come and kill me / by Josephine Tey.-- Pocket Books; 1951, c1949.-- (Pocket book ; 784 ; mystery).</t>
  </si>
  <si>
    <t>823.91/Te94</t>
  </si>
  <si>
    <t>The man in the queue / Josephine Tey.-- Pan Books; 1958.-- (Pan books ; G134 . Great Pan).</t>
  </si>
  <si>
    <t>The bishop murder case / by S.S. Van Dine.-- Pocket Books; 1945, c1929.-- (Pocket book ; 305).</t>
  </si>
  <si>
    <t>813.5/V26</t>
  </si>
  <si>
    <t>The casino murder case : a Philo Vance mystery / S.S. Van Dine.-- C. Scribner; 1985, c1962.-- (Scribner crime classics).</t>
  </si>
  <si>
    <t>The kidnap murder case : a Philo Vance story / by S.S. Van Dine.-- Bantam Books; 1948, c1936.-- (Bantam books ; 300).</t>
  </si>
  <si>
    <t>The smell of murder : a Philo Vance story / by S.S. Van Dine.-- Bantam Books; 1950, c1938.-- (Bantam books ; 756).</t>
  </si>
  <si>
    <t>Murdering Mr Velfrage / Roy Vickers.-- Penguin Books in association with Faber and Faber; 1955.-- (Penguin books ; 1077).</t>
  </si>
  <si>
    <t>823.91/V67</t>
  </si>
  <si>
    <t>The Saxon charm / by Frederic Wakeman.-- New American Library; 1950, c1947.-- (A Signet book ; 783).</t>
  </si>
  <si>
    <t>813.5/W29</t>
  </si>
  <si>
    <t>The corpse without a clue / by R.A.J. Walling.-- Editions for the Armed Services; c1944.-- (Armed services editions ; Q-15).</t>
  </si>
  <si>
    <t>823.91/W36</t>
  </si>
  <si>
    <t>Absent in the spring / Agatha Christie writing under the name Mary Westmacott.-- Dell; 1963, c1944.-- (Dell Book ; 0011).</t>
  </si>
  <si>
    <t>A daughter's a daughter / Agatha Christie writing under the name Mary Westmacott.-- Dell; 1963.-- (Dell Book ; 1674).</t>
  </si>
  <si>
    <t>A daughter's a daughter / Agatha Christie writing under the name Mary Westmacott.-- New ed.-- Dell; 1967.-- (Dell Book ; 1674).</t>
  </si>
  <si>
    <t>The killing / by Lionel White.-- New American Library; 1956, c1955.-- (A Signet book ; 1310).</t>
  </si>
  <si>
    <t>813.5/W68</t>
  </si>
  <si>
    <t>A casebook of murder / Colin Wilson.-- Mayflower Books; 1971, c1969.-- (A Mayflower Paperback).</t>
  </si>
  <si>
    <t>364.152/W75</t>
  </si>
  <si>
    <t>Black alibi / Cornell Woolrich.-- Ballantine Books; 1982.-- (Ballantine mystery ; 30707).</t>
  </si>
  <si>
    <t>813.5/W87</t>
  </si>
  <si>
    <t>The bride wore black / Cornell Woolrich.-- Ballantine Books; 1984, c1968.-- (Ballantine mystery ; 30487).</t>
  </si>
  <si>
    <t>Deadline at dawn / Cornell Woolrich writing as William Irish.-- Ballantine Books; 1983, c1971.-- (Ballantine mystery ; 30653).</t>
  </si>
  <si>
    <t>Rendezvous in black / Cornell Woolrich.-- Ballantine Books; 1982.-- (Ballantine mystery ; 30489).</t>
  </si>
  <si>
    <t>Vampire's honeymoon / Cornell Woolrich.-- Carroll &amp; Graf; 1985, c1939.-- (Carroll and Graf Mystery).</t>
  </si>
  <si>
    <t>Waltz into darkness / Cornell Woolrich writing as William Irish.-- Ballantine Books; 1983.-- (Ballantine mystery ; 30669).</t>
  </si>
  <si>
    <t>The pocket mystery reader / edited by Lee Wright.-- Pocket Books; 1945, c1942.-- (Pocket book ; 172 ; mystery anthology).</t>
  </si>
  <si>
    <t>808.83/W94</t>
  </si>
  <si>
    <t>Experiment in crime / Philip Wylie.-- Avon Book; c1951.-- (Avon ; 711).</t>
  </si>
  <si>
    <t>813.5/W98</t>
  </si>
  <si>
    <t>Avon mystery storyteller.-- Avon Book; c1946.-- (New Avon library ; 86).</t>
  </si>
  <si>
    <t>808.83/A96</t>
  </si>
  <si>
    <t>Great murder stories : an anthology / by Mystery Writers of America, Inc. ; with a preface by Richard Lockridge.-- Penguin Books; 1948, c1946.-- (Penguin books ; 655).</t>
  </si>
  <si>
    <t>813.0872/G81</t>
  </si>
  <si>
    <t>Payoff for the banker : a Mr. and Mrs. North mystery / by Frances and Richard Lockridge.-- Pocket Books; 1948, c1945.-- (Pocket book ; 501).</t>
  </si>
  <si>
    <t>Dead man's, diary and, A taste for cognac / Brett Halliday.-- New Dell ed.-- Dell; 1959, c1945.-- (Dell Book ; D292 . Two Mike Shayne mysteries).</t>
  </si>
  <si>
    <t>Trouble in triplicate : a Nero Wolfe threesome / Rex Stout.-- Bantam Books; 1951.-- (Bantam books ; 925).</t>
  </si>
  <si>
    <t>The immaterial murder case / Julian Symons.-- Penguin Books; 1954.-- (Penguin books ; 989).</t>
  </si>
  <si>
    <t>823.91/Sy5</t>
  </si>
  <si>
    <t>The Benson murder case / by S.S. Van Dine.-- Pocket Books; c1926.-- (Pocket book ; 333).</t>
  </si>
  <si>
    <t>Unfinished portrait / Agatha Christie, writing under the nama Mary Westmacott.-- Dell; 1964.-- (Dell Book).</t>
  </si>
  <si>
    <t>The voyage out / Virginia Woolf.-- Granada; 1978, c1915.-- (Triad Panther books).</t>
  </si>
  <si>
    <t>823.91/W87</t>
  </si>
  <si>
    <t>The bride wore black / by Cornell Woolrich.-- Pocket; 1945.-- (Pocket book ; 271).</t>
  </si>
  <si>
    <t>I married a dead man / Cornell Woolrich writing as William Irish.-- Ballantine Books; 1983.-- (Ballantine mystery ; 30670).</t>
  </si>
  <si>
    <t>Night has a thousand eyes / Cornell Woolrich.-- Ballantine Books; 1982, c1945.-- (Ballantine mystery ; 30667).</t>
  </si>
  <si>
    <t>Rear window : and four short novels / Cornell Woolrich.-- Ballantine Books; 1984.-- (Ballantine mystery ; 30668).</t>
  </si>
  <si>
    <t>What really happened / by Mrs. Belloc Lowndes.-- Copyright ed.-- B. Tauchnitz; 1926.-- (Collection of British authors ; v. 4744).</t>
  </si>
  <si>
    <t>823.91/L95</t>
  </si>
  <si>
    <t>Background to danger / by Eric Ambler.-- Pocket Books; 1945, c1937.-- (Pocket book ; 286).</t>
  </si>
  <si>
    <t>823.91/A43</t>
  </si>
  <si>
    <t>A coffin for Dimitrios / by Eric Ambler.-- Dell; 1957, c1939.-- (Dell Book ; D201).</t>
  </si>
  <si>
    <t>Uncommon danger / Eric Ambler.-- Penguin Books; 1960.-- (Penguin books ; 1467).</t>
  </si>
  <si>
    <t>Murder, my love / Edward Atiyah.-- Avon; c1951.-- (Avon ; 786).</t>
  </si>
  <si>
    <t>823.91/A94</t>
  </si>
  <si>
    <t>The best of Mr. Fortune stories / H.C. Bailey.-- Pocket Books; 1943.-- (Pocket book ; 190).</t>
  </si>
  <si>
    <t>Mr. Fortune, please / by H.C. Bailey.-- Penguin Books; 1937.-- (Penguin books ; . Mystery &amp; crime).</t>
  </si>
  <si>
    <t>Trial and error / by Anthony Berkeley.-- Pocket Books; 1945, c1937.-- (Pocket book ; 307).</t>
  </si>
  <si>
    <t>Best detective stories : second series.-- Faber and Faber; 1949.</t>
  </si>
  <si>
    <t>808.83/B39</t>
  </si>
  <si>
    <t>Behind that curtain / Earl Derr Biggers.-- Published for the American Red Cross by Readers' League of America; c1928.</t>
  </si>
  <si>
    <t>The Chinese parrot : a Charlie Chan mystery / by Earl Derr Biggers.-- Pocket Books; 1945, c1926.-- (Pocket book ; 168).</t>
  </si>
  <si>
    <t>The case of the abominable snowman / Nicholas Blake.-- Penguin Books; 1954.-- (Penguin books ; 973).</t>
  </si>
  <si>
    <t>End of chapter / Nicholas Blake.-- W. Collins; 1959, c1957.-- (Fontana books ; 287).</t>
  </si>
  <si>
    <t>Head of a traveller / Nicholas Blake.-- Pan Books; 1955.-- (Pan books ; 308).</t>
  </si>
  <si>
    <t>Head of a traveler / by Nicholas Blake.-- Pocket Books; 1950, c1949.-- (Pocket book ; 742).</t>
  </si>
  <si>
    <t>Malice in Wonderland / by Nicholas Blake.-- Published for the Crime Club by Collins; 1945.-- (Crime club).</t>
  </si>
  <si>
    <t>Minute for murder / by Nicholas Blake.-- Pocket Books; 1949, c1947.-- (Pocket book ; 548).</t>
  </si>
  <si>
    <t>A question of proof / Nicholas Blake.-- Penguin Books; 1955.-- (Penguin books ; 1101 . A Crime Club choice).</t>
  </si>
  <si>
    <t>The whisper in the gloom / Nicholas Blake.-- Pan Books; 1959.-- (Pan books ; G282 . Great Pan).</t>
  </si>
  <si>
    <t>The widow's cruise / by Nicholas Blake.-- Published for the Crime Club by Collins; c1959.-- (Crime club).</t>
  </si>
  <si>
    <t>Kai Lung unrolls his mat / by Ernest Bramah.-- Penguin Books; 1937.-- (Penguin books ; 108 ; fiction).</t>
  </si>
  <si>
    <t>823.91/B71</t>
  </si>
  <si>
    <t>Ernest Bramah.-- G.G. Harrap; 1929.-- (Short stories of to-day and yesterday).</t>
  </si>
  <si>
    <t>The kink : Colonel Gore's third case / by Lynn Brock.-- W. Collins; [19--].</t>
  </si>
  <si>
    <t>823.91/B75</t>
  </si>
  <si>
    <t>The murder of Caroline Bundy / by Alice Campbell.-- Published for the Crime Club by Collins; 1937.-- (Crime club).</t>
  </si>
  <si>
    <t>823.91/C14</t>
  </si>
  <si>
    <t>The string glove mystery / by Harriette R. Campbell.-- Copyright ed.-- Albatross; c1936.-- (The Albatross modern continental library ; 307).</t>
  </si>
  <si>
    <t>The burning court / by John Dickson Carr.-- Published for the British Publishers Guild by Hamish Hamilton; 1952.-- (Guild books ; no. 444).</t>
  </si>
  <si>
    <t>Captain cut-throat / by John Dickson Carr.-- Bantam Books; 1956, c1955.-- (Bantam books ; A1472).</t>
  </si>
  <si>
    <t>The corpse in the waxworks / by John Dickson Carr.-- New Avon Library; c1932.-- (New Avon library).</t>
  </si>
  <si>
    <t>The crooked hinge / John Dickson Carr.-- Pan Books; 1957.-- (Pan books ; GP80 . Great Pan).</t>
  </si>
  <si>
    <t>The dead man's knock / John Dickson Carr.--                                :.-- Penguin Books in association with H. Hamilton; 1961, c1958.-- (Penguin books ; 1564).</t>
  </si>
  <si>
    <t>The devil in velvet / by John Dickson Carr.-- Bantam Books; 1952, c1951.-- (Bantam books ; A1009).</t>
  </si>
  <si>
    <t>The eight of swords / by John Dickson Carr.-- Berkley; c1934.-- (Berkley books ; G-48).</t>
  </si>
  <si>
    <t>Hag's nook / by John Dickson Carr.-- Penguin Books; [19--].-- (Penguin books ; 532).</t>
  </si>
  <si>
    <t>In spite of thunder / John Dickson Carr.-- Penguin Books in association with Hamish Hamilton; 1966, c1960.-- (Penguin books ; C2386).</t>
  </si>
  <si>
    <t>The problem of the green capsule : being the psychologists' murder case / by John Dickson Carr.-- New ed.-- Bantam Books; 1956, c1939.-- (Bantam books ; 1505 ; mystery).</t>
  </si>
  <si>
    <t>The problem of the wire cage / by John Dickson Carr.-- New ed.-- Bantam Books; 1956, c1939.-- (Bantam books ; 1503 ; mystery).</t>
  </si>
  <si>
    <t>The third bullet : and other stories / by John Dickson Carr.-- Bantam Books; 1956, c1954.-- (Bantam books ; 1447 ; mystery).</t>
  </si>
  <si>
    <t>Till death do us part : a Dr. Fell mystery story / by John Dickson Carr.-- Bantam Books; 1950, c1944.-- (Bantam books ; 793).</t>
  </si>
  <si>
    <t>The waxworks murder / by John Dickson Carr.-- Penguin Books; 1938.-- (Penguin books ; 158 . Mystery &amp; crime).</t>
  </si>
  <si>
    <t>The high window / Raymond Chandler.-- Pocket Books; 1955, c1942.-- (Pocket book ; 2320 ; mystery ; 0).</t>
  </si>
  <si>
    <t>The little sister / Raymond Chandler.-- Pocket Books; 1957, c1949.-- (Pocket book ; 2750 ; mystery ; 0).</t>
  </si>
  <si>
    <t>Enter the Saint / by Leslie Charteris.-- Pocket Books; 1944, c1931.-- (Pocket book ; 257).</t>
  </si>
  <si>
    <t>The mysterious affair at Styles / Agatha Christie.-- Penguin Books; 1935.-- (Penguin books ; 6 . The Bodley Head).</t>
  </si>
  <si>
    <t>The Blatchington tangle / by G.D.H. and Margaret Cole.-- W. Collins; [19--].</t>
  </si>
  <si>
    <t>The Brooklyn murders / by G.D.H. and M. Cole.-- W. Collins; [19--].</t>
  </si>
  <si>
    <t>Holy disorders / Edmund Crispin.-- Penguin Books; 1958, c1946.-- (Penguin books ; 1303).</t>
  </si>
  <si>
    <t>The moving toyshop / Edmund Crispin.-- Penguin Books; 1958.-- (Penguin books ; 1315).</t>
  </si>
  <si>
    <t>The box office murders / by Freeman Wills Crofts.-- W. Collins; [19--].</t>
  </si>
  <si>
    <t>The cask / by Freeman Wills Crofts.-- Penguin Books; 1946, c1924.-- (Penguin books ; 575).</t>
  </si>
  <si>
    <t>Le cercueil marin / F.W. Crofts ; traduit de l'anglais par Robert Saint-Prix.-- ditions de la Nouvelle revue critique, [1---].-- (Collection de l'empreinte).</t>
  </si>
  <si>
    <t>Death on the way / Freeman Wills Crofts.-- W. Collins; [19--].</t>
  </si>
  <si>
    <t>Inspector French and the Starvel tragedy / Freeman Wills Crofts.-- Penguin Books; 1950.-- (Penguin books ; 514 . Mystery and crime).</t>
  </si>
  <si>
    <t>The loss of the 'Jane Vosper' / Freeman Wills Crofts.-- Penguin Books; 1953.-- (Penguin books ; 919 . Mystery and crime).</t>
  </si>
  <si>
    <t>The Ponson case / by Freeman Wills Crofts.-- W. Collins; [19--].</t>
  </si>
  <si>
    <t>Sir John Magill's last journey / Freeman Wills Crofts.-- Collins' Clear-Type Press; 1934.</t>
  </si>
  <si>
    <t>Sudden death / by Freeman Wills Crofts.-- Published for the Crime Club by Collins; 1937.-- (Crime Club ; v. 16).</t>
  </si>
  <si>
    <t>The 12.30 from Croydon / Freeman Fills Crofts.-- Penguin Books; 1953.-- (Penguin books ; 920 . Mystery and crime).</t>
  </si>
  <si>
    <t>The fashion in shrouds / Margery Allingham.-- Penguin Books in association with William Heinemann; 1954.-- (Penguin books ; 771).</t>
  </si>
  <si>
    <t>No love lost : two stories of suspense / Margery Allingham.-- Penguin Books; 1959.-- (Penguin books ; 1416).</t>
  </si>
  <si>
    <t>The best we can do / Sybille Bedford.-- Penguin Books; 1961.-- (Penguin books ; 1639).</t>
  </si>
  <si>
    <t>823.91/B32</t>
  </si>
  <si>
    <t>Charlie Chan carries on / Earl Derr Biggers.-- Pocket Books; 1945, c1930.-- (Pocket book ; 207 ; mystery).</t>
  </si>
  <si>
    <t>Max Carrados mysteries / Ernest Bramah.-- Penguin Books; 1964, c1927.-- (Penguin books ; C2158).</t>
  </si>
  <si>
    <t>Death watch / John Dickson Carr.-- Berkley; c1935.-- (Berkley books ; G-101).</t>
  </si>
  <si>
    <t>The emperor's snuff box / John Dickson Carr.-- Penguin Books in association with Hamish Hamilton; 1953.-- (Penguin books ; 949).</t>
  </si>
  <si>
    <t>He who whispers / John Dickson Carr.-- Penguin Books; 1953.-- (Penguin books ; 948).</t>
  </si>
  <si>
    <t>The mad hatter mystery / John Dickson Carr.-- Penguin Books; 1947.-- (Penguin books ; 610).</t>
  </si>
  <si>
    <t>The man who could not shudder / by John Dickson Carr.-- New ed.-- Bantam Books; 1956.-- (Bantam books).</t>
  </si>
  <si>
    <t>Patrick Butler for the defence / John Dickson Carr.-- Penguin Books in association with H. Hamilton; 1959.-- (Penguin books ; 1391).</t>
  </si>
  <si>
    <t>Farewell, my lovely / Raymond Chandler.-- Penguin Books in association with Hamish Hamilton; 1949, c1940.-- (Penguin books ; 701).</t>
  </si>
  <si>
    <t>The lady in the lake / Raymond Chandler.-- Pocket Books; 1946.-- (Pocket book ; 389).</t>
  </si>
  <si>
    <t>The long good-bye / Raymond Chandler.-- Penguin Books in association with Hamish Hamilton; 1959.-- (Penguin books ; 1400).</t>
  </si>
  <si>
    <t>Playback / Raymond Chandler.-- Penguin Books in association with Hamish Hamilton; 1963, c1958.-- (Penguin books ; 1608).</t>
  </si>
  <si>
    <t>The simple art of murder / Raymond Chandler.-- Ballantine; 1972, c1950.-- (Ballantine books).</t>
  </si>
  <si>
    <t>Trouble is my business, and other stories / Raymond Chandler.-- Penguin Books; 1950.-- (Penguin books ; 741).</t>
  </si>
  <si>
    <t>Buried for pleasure / Edmund Crispin.-- Penguin Books; 1958.-- (Penguin books ; 1292).</t>
  </si>
  <si>
    <t>The long divorce / Edmund Crispin.-- Penguin Books; 1958, c1951.-- (Penguin books ; 1304).</t>
  </si>
  <si>
    <t>Inspector French and the Cheyne mystery / by Freeman Wills Crofts.-- W. Collins; [19--].</t>
  </si>
  <si>
    <t>A graveyard to let / Carter Dickson.-- Pan Books; 1955.-- (Pan books ; 337).</t>
  </si>
  <si>
    <t>He wouldn't kill patience / Carter Dickson.-- Penguin Books in association with W. Heinemann; 1951.-- (Penguin books ; 818 . Mystery and crime).</t>
  </si>
  <si>
    <t>The Judas window / Carter Diekson [i.e. Dickson].-- Blakiston.-- (Pocket book ; 231 . A Sir Henry Merrivale mystery).</t>
  </si>
  <si>
    <t>The Punch and Judy murders / Carter Dickson.-- Pocket Books; 1944, c1937.-- (Pocket book ; 219 . A Sir Henry Merrivale mystery).</t>
  </si>
  <si>
    <t>She died a lady / Carter Dickson.-- Pocket Books; 1948, c1943.-- (Pocket book ; 507).</t>
  </si>
  <si>
    <t>The skeleton in the clock / Carter Dickson.-- Pan Books; 1958.-- (Pan books ; G162 . Great Pan).</t>
  </si>
  <si>
    <t>The ten teacups / Carter Dickson.-- Penguin Books in association with W. Heinemann; 1955.-- (Penguin books ; 817).</t>
  </si>
  <si>
    <t>Les aventures de Sherlock Holmes / Sir Arthur Conan Doyle ; traduction de Bernard Tourville.-- Robert Laffont; c1956.-- (Le livre de poche policier ; 1070-1071).</t>
  </si>
  <si>
    <t>The adventures of Sherlock Holmes / A. Conan Doyle.-- 3rd ed.-- J. Murray; 1919.</t>
  </si>
  <si>
    <t>Le chien des Baskerville / Sir Arthur Conan Doyle ; traduction de Bernard Tourville.-- R. Laffont; [1975], c1956.-- (Le livre de poche policier ; 1630).</t>
  </si>
  <si>
    <t>The Conan Doyle historical romances / by Arthur Conan Doyle.-- J. Murray; 1932.</t>
  </si>
  <si>
    <t>The hound of the Baskervilles : another adventure of Sherlock Holmes / A. Conan Doyle.-- E. Nash &amp; Grayson; [19--] .-- (Nash's library of thrillers).</t>
  </si>
  <si>
    <t>The tragedy of the Korosko / by Sir A. Conan Doyle.-- Hodder and Stoughton; [19--].</t>
  </si>
  <si>
    <t>Houdini and Conan Doyle : the story of a strange friendship / by Bernard M.L. Ernst and Hereward Carrington ; foreword by J.C. Cannell.-- Hutchinson; 1933.</t>
  </si>
  <si>
    <t>793.8/E68</t>
  </si>
  <si>
    <t>The grouse moor mystery / by John Ferguson.-- Published for the Crime Club by Collins; 1938.-- (Crime club ; v. 35).</t>
  </si>
  <si>
    <t>The man in the dark : an Ealing mystery / John Ferguson.-- Penguin Books; 1937.-- (Penguin books ; 65 . Mystery and crime).</t>
  </si>
  <si>
    <t>Hunt the tortoise / Elizabeth Ferrars.-- W. Collins; 1958.-- (Fontana books ; 265).</t>
  </si>
  <si>
    <t>823.91/F22</t>
  </si>
  <si>
    <t>The owl taxi / by Hulbert Footner.-- W. Collins; [19--].-- (Collins' 1/- fiction library ; 31).</t>
  </si>
  <si>
    <t>Criminal conversation / Nicolas Freeling.-- Penguin Books; 1975, c1965.-- (Penguin crime fiction ; . A Van der Valk thriller).</t>
  </si>
  <si>
    <t>The case of the counterfeit eye / Erle Stanley Gardner.-- Pocket Books; [1947].-- (Pocket book ; 157 . A Perry Mason mystery ).</t>
  </si>
  <si>
    <t>The case of the fan-dancer's horse / by Erle Stanley Gardner.-- Editions for the Armed Services; c1947.-- (Armed services editions ; 1302).</t>
  </si>
  <si>
    <t>A general history of the pyrates / Daniel Defoe ; edited by Manuel Schonhorn.-- Dent; 1972.</t>
  </si>
  <si>
    <t>910.45/D53</t>
  </si>
  <si>
    <t>And so to murder / Carter Dickson.-- Penguin Books in association with Heinemann; 1951.-- (Penguin books ; 814 . Mystery and crime).</t>
  </si>
  <si>
    <t>The Plague Court murders / Carter Dickson.-- Penguin Books in association with William Heinemann; 1951.-- (Penguin books ; 820).</t>
  </si>
  <si>
    <t>The white priory murders / Carter Dickson.-- Penguin Books in association with Heinemann; 1951.-- (Penguin books ; 811).</t>
  </si>
  <si>
    <t>The red widow murders / Carter Dickson.-- Penguin Books in association with Heinemann; 1951.-- (Penguin books ; 815 . Mystery and crime).</t>
  </si>
  <si>
    <t>The reader is warned / Carter Dickson.-- Penguin Books in association with Heinemann; 1951.-- (Penguin books ; 812 . Mystery and crime).</t>
  </si>
  <si>
    <t>The exploits of Sherlock Holmes / by Adrian Conan Doyle and John Dickson Carr.-- J. Murray; 1954.</t>
  </si>
  <si>
    <t>The adventures of Sherlock Holmes / by A. Conan Doyle ; v. 1.-- Copyright ed.-- Bernhard Tauchnitz; 1893.-- (Collection of British authors ; v. 2896-2897).</t>
  </si>
  <si>
    <t>The annotated Sherlock Holmes : the four novels and the fifty-six short stories complete / by Sir Arthur Conan Doyle ; edited, with an introduction, notes, and bibliography by William S. Baring-Gould ; illustrated with maps, diagrams, coats-of-arms, photographs, and drawings by Charles Doyle ...[et al.] ; v. 1, v. 2.-- John Murray; 1968, c1967.</t>
  </si>
  <si>
    <t>823.91/D89/1</t>
  </si>
  <si>
    <t>823.91/D89/2</t>
  </si>
  <si>
    <t>The case-book of Sherlock Holmes / Sir Arthur Conan Doyle.-- Penguin ; 1951.-- (Penguin books ; 805 . Mystery and crime).</t>
  </si>
  <si>
    <t>The complete Sherlock Holmes long stories / Sir Arthur Conan Doyle.-- John Murray; 1929.</t>
  </si>
  <si>
    <t>The Conan Doyle historical romances / by Arthur Conan Doyle.-- J. Murray; 1931.</t>
  </si>
  <si>
    <t>The hound of the Baskervilles : another adventure of Sherlock Holmes / by A. Conan Doyle.-- Copyright ed.-- B. Tauchnitz; 1902.-- (Collection of British authors ; v. 3571).</t>
  </si>
  <si>
    <t>The lost world : being an account of the recent amazing adventures of Professor George E. Challenger, Lord John Roxton, Professor Summerlee, and Mr. E.D. Malone of the "Daily Gazette" / by Arthur Conan Doyle.-- Hodder and Stoughton; [1---?].</t>
  </si>
  <si>
    <t>The memoirs of Sherlock Holmes / A. Conan Doyle.-- John Murray; 1893.-- (Murray's fiction library).</t>
  </si>
  <si>
    <t>The return of Sherlock Holmes / by Sir Arthur Conan Doyle.-- John Murray; [1953].</t>
  </si>
  <si>
    <t>The return of Sherlock Holmes / by A. Conan Doyle.-- Hodder and Stoughton; [1---].</t>
  </si>
  <si>
    <t>Round the red lamp : being facts and fancies of medical life / by A.Conan Doyle.-- 21th ed.-- Methuen; 1920.</t>
  </si>
  <si>
    <t>A study in scarlet / by A. Conan Doyle ; with a note on Sherlock Holmes by Joseph Bell ; illustrated by George Hutchinson.-- Ward, Lock; 1893.</t>
  </si>
  <si>
    <t>The valley of fear / Sir Arthur Conan Doyle.-- Pan Books; 1951.-- (Pan books ; 177 . A Sherlock Holmes detective novel).</t>
  </si>
  <si>
    <t>Love in Amsterdam / Nicolas Freeling.-- Penguin Books; 1975.-- (Penguin crime fiction).</t>
  </si>
  <si>
    <t>The case of the buried clock / Erle Stanley Gardner.-- Pocket Books of Canada; 1950, c1943.-- (Pocket book ; 678 . A Perry Mason mystery).</t>
  </si>
  <si>
    <t>The case of the golddigger's purse / by Erle Stanley Gardner.-- Editions for the Armed Services; c1945.-- (Armed services editions ; 915 . A Perry Mason mystery).</t>
  </si>
  <si>
    <t>The case of the lucky legs / Erle Stanley Gardner.-- Readers' League of America; c1934.-- (Armed services editions ; . A Perry Mason mystery).</t>
  </si>
  <si>
    <t>The case of the perjured parrot / Erle Stanley Gardner.-- Pocket Books; 1947, c1939.-- (Pocket book ; 378 . A Perry Mason mystery).</t>
  </si>
  <si>
    <t>To be hanged : a story of murder / by Bruce Hamilton.-- Copyright ed.-- B. Tauchnitz; 1931.-- (Collection of British authors ; v. 4964).</t>
  </si>
  <si>
    <t>823.91/H26</t>
  </si>
  <si>
    <t>Red harvest / by Dashiell Hammett.-- Readers' League of America; c1929.-- (Armed services editions).</t>
  </si>
  <si>
    <t>Crime in good company : essays on criminals and crime-writing / Josephine Bell ... [et al.] ; collected by Michael Gilbert.-- Constable; c1959.</t>
  </si>
  <si>
    <t>808.84/G44</t>
  </si>
  <si>
    <t>Best detective stories of Cyril Hare / chosen with an introduction by Michael Gilbert.-- Faber and Faber; c1959.</t>
  </si>
  <si>
    <t>An English murder / by Cyril Hare.-- Faber and Faber; [19--].</t>
  </si>
  <si>
    <t>When the wind blows / by Cyril Hare.-- Penguin Books in association with Faber; 1955.-- (Penguin books ; 1037).</t>
  </si>
  <si>
    <t>With a bare bodkin / Cyril Hare.-- Penguin Books in association with Faber; 1954.-- (Penguin books ; 1007).</t>
  </si>
  <si>
    <t>The Bellamy trial / by Frances Noyes Hart.-- Pocket Books; 1945.-- (Pocket book ; 264).</t>
  </si>
  <si>
    <t>813.5/H33</t>
  </si>
  <si>
    <t>A taste of honey / Gerald Heard.-- Penguin Books; 1961.-- (Penguin books ; 1624).</t>
  </si>
  <si>
    <t>823.91/H51</t>
  </si>
  <si>
    <t>Raffles / E.W. Hornung.-- Penguin Books; 1936.-- (Penguin books ; 63 . The bodley head).</t>
  </si>
  <si>
    <t>823.91/H89</t>
  </si>
  <si>
    <t>Appleby's end / Michael Innes.-- Penguin Books; 1972, c1945.-- (Penguin crime fiction).</t>
  </si>
  <si>
    <t>A family affair / Michael Innes.-- Penguin Books; 1972, c1969.-- (Penguin crime fiction).</t>
  </si>
  <si>
    <t>Stop press / Michael Innes.-- Penguin Books; 1958.-- (Penguin books ; 1299).</t>
  </si>
  <si>
    <t>Call for the dead / John le Carr.-- Penguin Books; 1965, c1961.-- (Penguin books ; C2066).</t>
  </si>
  <si>
    <t>823.91/L49</t>
  </si>
  <si>
    <t>A murder of quality / John le Carr.-- Penguin Books; 1965, c1962.-- (Penguin books ; C2271).</t>
  </si>
  <si>
    <t>Letty Lynton / by Mrs. Belloc Lowndes.-- Copyright ed.-- B. Tauchnitz; 1931.-- (Collection of British authors ; v. 4999).</t>
  </si>
  <si>
    <t>The lodger / by Marie Belloc Lowndes.-- Pocket Books of Canada; 1944, c1913.-- (Pocket book ; 43).</t>
  </si>
  <si>
    <t>The Crime Conductor / Philip Macdonald.-- Collins' Clear-Type Press; 1934.</t>
  </si>
  <si>
    <t>The noose / by Philip MacDonald.-- W. Collins; [19--].</t>
  </si>
  <si>
    <t>The rasp / Philip MacDonald.-- Penguin Books; 1937.-- (Penguin books ; 79 . Mystery &amp; crime).</t>
  </si>
  <si>
    <t>The white crow / by Philip Macdonald.-- W. Collins; [19--].</t>
  </si>
  <si>
    <t>Thank you, Mr. Moto / John P. Marquand.-- Bantam Books; 1957, c1936.-- (Bantam books ; A1691 ; mystery).</t>
  </si>
  <si>
    <t>813.5/Ma52</t>
  </si>
  <si>
    <t>Death of a peer / by Ngaio Marsh.-- Pocket Books; 1947, c1940.-- (Pocket book ; 475 . A Roderick Alleyn mystery).</t>
  </si>
  <si>
    <t>823.91/Ma52</t>
  </si>
  <si>
    <t>Enter a murderer / Ngaio Marsh.-- Penguin Books; 1955.-- (Penguin books ; 152).</t>
  </si>
  <si>
    <t>Final curtain / Ngaio Marsh.-- Penguin Books; 1958.-- (Penguin books ; 1261).</t>
  </si>
  <si>
    <t>Vintage murder / by Ngaio Marsh.-- Penguin Books; 1955.-- (Penguin books ; 253).</t>
  </si>
  <si>
    <t>The A.E.W. Mason omnibus : Inspector Hanaud's investigations.-- Hodder and Stoughton; 1931.</t>
  </si>
  <si>
    <t>The red house mystery / by A.A. Milne.-- Pocket Books; 1944, c1922.-- (Pocket book ; 8).</t>
  </si>
  <si>
    <t>LNER steam / O.S. Nock.-- Pan Books; 1971, c1969.-- (The David &amp; Charles series).</t>
  </si>
  <si>
    <t>385.36/N91</t>
  </si>
  <si>
    <t>The nest of the Sparrowhawk / by Baroness Orczy.-- Hodder and Stoughton; [1909].</t>
  </si>
  <si>
    <t>823.91/O71</t>
  </si>
  <si>
    <t>The old man in the corner / by Baroness Orczy.-- Hodder and Stoughton; [1908].</t>
  </si>
  <si>
    <t>The scarlet pimpernel / by Baroness Orczy.-- Hodder and Stoughton; [19--].</t>
  </si>
  <si>
    <t>The sinews of war : a romance of London and the sea / by Eden Phillpotts and Arnold Bennett.-- Copyright ed.-- B. Tauchnitz; 1907.-- (Collection of British authors ; v. 3953).</t>
  </si>
  <si>
    <t>Uncle Abner : master of mysteries / Melville Davisson Post ; selected and with an introduction by Anthony Boucher.-- Collier Books; 1962.-- (Collier mystery classics / general editor Anthony Boucher ; AS417).</t>
  </si>
  <si>
    <t>813.5/P84</t>
  </si>
  <si>
    <t>The finishing stroke : a novel / by Ellery Queen.-- V. Gollancz; 1958.</t>
  </si>
  <si>
    <t>The case of the sulky girl / by Erle Stanley Gardner.-- Pocket Books; 1941, c1933.-- (Pocket book ; 90 . A Perry Mason mystery).</t>
  </si>
  <si>
    <t>The big knockover and other stories / [by Dashiell Hammett] ; edited and with an introduction by Lillian Hellman.-- Penguin Books; 1969, c1966.-- (Penguin books ; C2941).</t>
  </si>
  <si>
    <t>The glass key / Dashiell Hammett.-- Pocket Books; 1945, c1931.-- (Pocket book ; 211 . A Ned Beaumont mystery).</t>
  </si>
  <si>
    <t>The Maltese falcon / by Dashiell Hammett.-- Pocket Books; 1944, c1930.-- (Pocket book ; 268 . Sam Spade and the black bird).</t>
  </si>
  <si>
    <t>The thin man / by Dashiell Hammett.-- Pocket Books; 1945, c1934.-- (Pocket book ; 196 . A Nick Charles mystery).</t>
  </si>
  <si>
    <t>Death is no sportsman / Cyril Hare.-- Penguin Books; 1955.-- (Penguin books ; 1060).</t>
  </si>
  <si>
    <t>He should have died hereafter / Cyril Hare.-- Penguin Books; 1960.-- (Penguin books ; 1486).</t>
  </si>
  <si>
    <t>Suicide excepted / Cyril Hare.-- Penguin Books; 1956.-- (Penguin books ; 1162).</t>
  </si>
  <si>
    <t>Tenant for death / Cyril Hare.-- Penguin Books in association with Faber; 1955.-- (Penguin books ; 1081).</t>
  </si>
  <si>
    <t>Tragedy at law / Cyril Hare.-- Penguin Books in association with Faber; 1953.-- (Penguin books ; 897 . Mystery and crime).</t>
  </si>
  <si>
    <t>Was it murder? / by James Hilton.-- Bantam Books; 1946.-- (Bantam books ; 29 . A mistery).</t>
  </si>
  <si>
    <t>823.91/H58</t>
  </si>
  <si>
    <t>Baker Street by-ways : a book about Sherlock Holmes / James Edward Holroyd.-- Ruskin House, George Allen &amp; Unwin; 1959.</t>
  </si>
  <si>
    <t>823.91/H83</t>
  </si>
  <si>
    <t>Raffles / E.W. Hornung.-- Penguin Books; 1952.-- (Penguin books ; 63 . Mystery and crime).</t>
  </si>
  <si>
    <t>Rogue male / Geoffrey Household.-- Penguin Books; 1971, c1939.-- (Penguin crime fiction).</t>
  </si>
  <si>
    <t>823.91/H96</t>
  </si>
  <si>
    <t>Christmas at Candleshoe / by Michael Innes.-- Gollancz; 1953.</t>
  </si>
  <si>
    <t>Death at the chase / Michael Innes.-- Penguin Books; 1971, c1970.-- (Penguin crime fiction).</t>
  </si>
  <si>
    <t>Death at the President's lodging / Michael Innes.-- Penguin Books; 1958.-- (Penguin books ; 1286).</t>
  </si>
  <si>
    <t>Old Hall, New Hall / Michael Innes.-- Penguin Books; 1961, c1956.-- (Penguin books ; 1641).</t>
  </si>
  <si>
    <t>There came both mist and snow / Michael Innes.-- Penguin Books; 1958.-- (Penguin books ; 1309).</t>
  </si>
  <si>
    <t>The FBI in action / by Ken Jones.-- The New American Library; 1957.-- (A Signet book ; S1476).</t>
  </si>
  <si>
    <t>363.25/J72</t>
  </si>
  <si>
    <t>Obelists at sea / by C. Daly King.-- Penguin Books; 1938.-- (Penguin books ; 160 . Mystery &amp; crime).</t>
  </si>
  <si>
    <t>813.5/Ki43</t>
  </si>
  <si>
    <t>Death of my aunt / by C.H.B. Kitchin.-- Copyright ed.-- B. Tauchnitz; 1930.-- (Collection of British authors ; v. 4918).</t>
  </si>
  <si>
    <t>823.91/Ki75</t>
  </si>
  <si>
    <t>The Otterbury incident / by C. Day Lewis ; illustrated by Edward Ardizzone.-- Heinemann; 1950.-- (New windmill series).</t>
  </si>
  <si>
    <t>823.91/D48</t>
  </si>
  <si>
    <t>Stopover Tokyo / John P. Marquand.-- Bantam Books; 1957.-- (Bantam mystery ; 0).</t>
  </si>
  <si>
    <t>Death at the bar / by Ngaio Marsh.-- Penguin Books; 1949.-- (Penguin books ; 706).</t>
  </si>
  <si>
    <t>The development of the detective novel / A.E. Murch.-- Peter Owen; c1958.</t>
  </si>
  <si>
    <t>809.387/Mu65</t>
  </si>
  <si>
    <t>Le roman policier / Pierre Boileau.-- Petite Bibliothque Payot; [c1964].-- (Petite bibliothque Payot ; 70).</t>
  </si>
  <si>
    <t>843.91/B62</t>
  </si>
  <si>
    <t>Found drowned / Eden Phillpotts.-- Crime Books Society; [19--].-- (Hutchinson's pocket library ; . Crime-Book Society series ; no. 7).</t>
  </si>
  <si>
    <t>The motor rally mystery / John Rhode.-- Collins' Clear-type Press; 1934.</t>
  </si>
  <si>
    <t>Novels of mystery from the Victorian Age / chosen, with an introduction by Maurice Richardson.-- Pilot Press; 1945.</t>
  </si>
  <si>
    <t>823.91/R35</t>
  </si>
  <si>
    <t>The circular staircase / Mary Roberts Rinehart.-- Pocket Books; 1943.-- (Pocket book ; 98 ; mystery).</t>
  </si>
  <si>
    <t>The secret of the flames / by Ralph Rodd.-- W. Collins; [1---].</t>
  </si>
  <si>
    <t>823.91/R58</t>
  </si>
  <si>
    <t>Railway adventure / L.T.C. Rolt ; foreword by John Betjeman.-- [New ed.].-- Pan Books; 1971, c1961.-- (Pan books).</t>
  </si>
  <si>
    <t>385.0941/R65</t>
  </si>
  <si>
    <t>In the teeth of the evidence / Dorothy L. Sayers.-- Avon; 1969, c1967.-- (Avon books ; 3).</t>
  </si>
  <si>
    <t>The nine Tailors : changes rung on an old theme in two short touches and two full peals / by Dorothy L. Sayers.-- The Albatross; c1934.-- (The Albatross modern continental library ; v. 212).</t>
  </si>
  <si>
    <t>Tales of detection / edited with an introduction by Dorothy L. Sayers.-- Dent; 1963.-- (Everyman's library).</t>
  </si>
  <si>
    <t>808.83/Sa99</t>
  </si>
  <si>
    <t>Unnatural death / by Dorothy L. Sayers.-- V. Gollancz; 1956.</t>
  </si>
  <si>
    <t>The unpleasantness at the Bellona club / Dorothy L. Sayers.-- Penguin Books; 1937.-- (Penguin books ; 5 . Mystery &amp; crime).</t>
  </si>
  <si>
    <t>Le charretier de "La Providence" : le commissaire maigret / Georges Simenon.-- Fayard; c1931.-- (Le livre de poche ; 2907).</t>
  </si>
  <si>
    <t>843.91/Si5</t>
  </si>
  <si>
    <t>Le chien jaune : le commissaire maigret / Georges Simenon ; prsent par Marcel Aym.-- Fayard; c1936.-- (Le livre de poche ; 2916).</t>
  </si>
  <si>
    <t>La guinguette  deux sous : le commissaire maigret / Georges Simenon.-- Fayard; c1931.-- (Le livre de poche ; 2911).</t>
  </si>
  <si>
    <t>Maigret abroad / by Georges Simenon ; translated by Geoffrey Sainsbury.-- Avon; c1943.-- (Murder mystery monthly ; no. 8).</t>
  </si>
  <si>
    <t>La maison du canal / Georges Simenon.-- Fayard; c1932.-- (Le livre de poche ; 2901).</t>
  </si>
  <si>
    <t>The last best friend / George Sims.-- Penguin Books; 1971, c1967.-- (Penguin crime fiction).</t>
  </si>
  <si>
    <t>823.91/Si7</t>
  </si>
  <si>
    <t>The terrible door / George Sims.-- Penguin Books; 1967, c1964.-- (Penguin books ; C2652).</t>
  </si>
  <si>
    <t>The narrowing circle / Julian Symons.-- Collins/Fontana; 1956.-- (Fontana books ; 137).</t>
  </si>
  <si>
    <t>The riddle of the forest / by Basil Tozer.-- Queensway Press; [1---].-- (Chevron books ; no. 11).</t>
  </si>
  <si>
    <t>823.91/To98</t>
  </si>
  <si>
    <t>British steam since 1900 / W.A. Tuplin.-- Pan Books; 1971, c1969.-- (Pan books).</t>
  </si>
  <si>
    <t>625.26/Tu5</t>
  </si>
  <si>
    <t>The Benson murder case / by S.S. Van Dine.-- Queensway Press; [1---].-- (Chevron books ; no. 16).</t>
  </si>
  <si>
    <t>The "Canary" murder case / S.S. Van Dine.-- Pocket Books; 1945, c1927.-- (Pocket book ; 248).</t>
  </si>
  <si>
    <t>The dragon murder case : a Philo Vance story / by S.S. Van Dine.-- Bantam Books; 1949, c1933.-- (Bantam books ; 362).</t>
  </si>
  <si>
    <t>The kennel murder case : a Philo Vance story / by S.S. Van Dine.-- Bantam Books; 1946, c1933.-- (Bantam mystery ; 60).</t>
  </si>
  <si>
    <t>The Department of Dead Ends / Roy Vickers ; with an introduction by Ellery Queen.-- Penguin Books in association with Faber and Faber; 1955.-- (Penguin books ; 1090).</t>
  </si>
  <si>
    <t>The sole survivor and The Kynsard affair / by Roy Vickers.-- V. Gollancz; 1952.</t>
  </si>
  <si>
    <t>The door with seven locks / by Edgar Wallace.-- Hodder and Stoughton; [1926].</t>
  </si>
  <si>
    <t>The river house mystery / by Sidney Warwick.-- G. Newnes; [1---].</t>
  </si>
  <si>
    <t>823.91/W39</t>
  </si>
  <si>
    <t>Holmes &amp; Watson, a miscellany / by S.C. Roberts.-- Oxford University Press; 1953.</t>
  </si>
  <si>
    <t>823.91/R52</t>
  </si>
  <si>
    <t>Mystery fiction : theory and technique / by Marie F. Rodell.-- Hammond; 1954.</t>
  </si>
  <si>
    <t>813.087/R58</t>
  </si>
  <si>
    <t>Lord Peter views the body / Dorothy L. Sayers.-- Penguin Books; 1962.-- (Penguin books ; 1779).</t>
  </si>
  <si>
    <t>Strong poison : a Lord Peter Wimsey mystery / Dorothy L. Sayers.-- Pocket Books; 1944.-- (Pocket book ; 130).</t>
  </si>
  <si>
    <t>Maigret meets a milord / Georges simenon ; translated by Robert Baldick.-- Penguin Books; 1974, c1931.-- (Penguin books ; 2027).</t>
  </si>
  <si>
    <t>La maison du canal / Georges Simenon.-- Arthme Fayard; 1933.</t>
  </si>
  <si>
    <t>Sleep no more / George Sims.-- Penguin Books; 1969.-- (Penguin books ; C2949).</t>
  </si>
  <si>
    <t>The West Highland Railway / John Thomas.-- Pan Books; 1970.-- (The David &amp; Charles series).</t>
  </si>
  <si>
    <t>385.0941/Th5</t>
  </si>
  <si>
    <t>The bishop murder case / by S.S. Van Dine.-- Cassell; 1933.</t>
  </si>
  <si>
    <t>Night voices, night journeys / edited by Asamatsu Ken ; introduced by Robert M. Price.-- Kurodahan Press ; 2005.-- (Lairs of the hidden Gods  ; 1).</t>
  </si>
  <si>
    <t>895.63/A86/1</t>
  </si>
  <si>
    <t>Inverted Kingdom / edited by Asamatsu Ken ; introduced by Robert M. Price.-- Kurodahan Press ; 2005.-- (Lairs of the hidden Gods  ; 2).</t>
  </si>
  <si>
    <t>895.63/A86/2</t>
  </si>
  <si>
    <t>My name is Aram / by William Saroyan.-- Pennant Books ; 1961.-- (A ladder series  ; p126).</t>
  </si>
  <si>
    <t>813.5/Sa69</t>
  </si>
  <si>
    <t>The man within / Graham Greene.-- Berkley Publishing ; 1957.-- (Berkley books  ; G-146).</t>
  </si>
  <si>
    <t>The Murder of Roger Ackroyd / Agatha Christie.-- Collins; 1957.-- (Fontana books ; 15).</t>
  </si>
  <si>
    <t>Kiss me, deadly / Mickey Spillane.-- New American Library; 1952.-- (A Signet book ; S1758).</t>
  </si>
  <si>
    <t>They do it with mirrors / Agatha Christie.-- Collins; 1955.-- (Fontana books ; 80).</t>
  </si>
  <si>
    <t>Men without women / Ernest Hemingway.-- Penguin; 1955.-- (Penguin books ; 1067).</t>
  </si>
  <si>
    <t>813.5/H52</t>
  </si>
  <si>
    <t>Blood and guts in high school, plus two / Kathy Acker ; pbk..-- Pan Books; 1984.-- (Picador).</t>
  </si>
  <si>
    <t>813.5/A15</t>
  </si>
  <si>
    <t>The robber bride / Margaret Atwood.-- McClelland-Bantam; 1994.-- (A Seal book).</t>
  </si>
  <si>
    <t>813.5/A95</t>
  </si>
  <si>
    <t>lderness tips  / Margaret Atwood.-- McClelland-Bantam; 1992.-- (A Seal book).</t>
  </si>
  <si>
    <t>Cat's eye / Margaret Atwood.-- Virago; 1990, c1988.</t>
  </si>
  <si>
    <t>The everlasting story of Nory : a novel / Nicholson Baker.-- 1st ed.-- Random House; c1998.</t>
  </si>
  <si>
    <t>813.5/B15</t>
  </si>
  <si>
    <t>Excession / Iain M. Banks.-- Bantam Books ; 1998.</t>
  </si>
  <si>
    <t>823.91/B18</t>
  </si>
  <si>
    <t>War fever / J.G.Ballard.-- Paladin; 1991.</t>
  </si>
  <si>
    <t>823.91/B16</t>
  </si>
  <si>
    <t>The folk of the air / Peter S. Beagle.-- 1st ed.-- Ballantine Books; 1988.-- (A Del Rey book).</t>
  </si>
  <si>
    <t>813.5/B31</t>
  </si>
  <si>
    <t>Panic hand / Jonathan Carroll.-- HarperCollins; 1996.</t>
  </si>
  <si>
    <t>Greetings, carbon-based bipeds! : a vision of the 20th century as it happened / Arthur C. Clarke ; edited by Ian T. Macauley.-- HarperCollins; 2000, c1999.</t>
  </si>
  <si>
    <t>909.82/C76</t>
  </si>
  <si>
    <t>Men, women, and chain saws : gender in the modern horror film / by Carol J. Clover ; : pbk.-- Princeton University Press; 1993.-- (Princeton paperbacks).</t>
  </si>
  <si>
    <t>791.436/C79</t>
  </si>
  <si>
    <t>The mysterious affair at Styles : A Hercule Poirot mystery / Agatha Christie ; : pbk.-- Wildside Press; [19-- or 200-].</t>
  </si>
  <si>
    <t>Wilkie Collins / edited by Lyn Pykett ; pbk..-- St. Martin's Press; 1998.-- (New casebooks).</t>
  </si>
  <si>
    <t>823.8/C84/p</t>
  </si>
  <si>
    <t>From Agatha Christie to Ruth Rendell : British women writers in detective and crime fiction / Susan Rowland ; hardback, paperback.-- Palgrave; c2001.-- (Crime files).</t>
  </si>
  <si>
    <t>823.0872/R78</t>
  </si>
  <si>
    <t>The woman in white / William Wilkie Collins ; edited with an introd. by Harvey Peter Sucksmith ; : pbk.-- Oxford University Press; 1980, c1973.-- (The world's classics).</t>
  </si>
  <si>
    <t>823.8/C84</t>
  </si>
  <si>
    <t>The moonstone / Wilkie Collins ; edited with an introduction by Anthea Trodd ; : pbk.-- Oxford University Press; 1982.-- (The world's classics).</t>
  </si>
  <si>
    <t>Man and wife / Wilkie Collins ; edited with an introduction and notes by Norman Page ; : pbk.-- Oxford University Press; 1998.-- (Oxford world's classics).</t>
  </si>
  <si>
    <t>Wilkie Collins : an illustrated guide / Andrew Gasson ; consultant editor: Catherine Peters.-- Oxford University Press; 1998.</t>
  </si>
  <si>
    <t>823.8/C84/g</t>
  </si>
  <si>
    <t>Strangers in town : three newly discovered mysteries / by Ross Macdonald ; edited by Tom Nolan.-- Crippen &amp; Landru Publishers; 2002.</t>
  </si>
  <si>
    <t>Dickens and crime / Philip Collins ; : pbk.-- 3rd ed.--  Macmillan ; 1994.</t>
  </si>
  <si>
    <t>823.8/D72/c</t>
  </si>
  <si>
    <t>Alfred Hitchcock : the legacy of Victorianism / Paula Marantz Cohen ; : pbk.-- University Press of Kentucky; c1995.</t>
  </si>
  <si>
    <t>791.4302/H77/c</t>
  </si>
  <si>
    <t>The Oxford book of Victorian ghost stories / selected and introduced by Michael Cox and R.A. Gilbert ; pbk.-- Oxford University Press; 2003.</t>
  </si>
  <si>
    <t>823.087/C89</t>
  </si>
  <si>
    <t>Quarantine / Greg Egan ; pbk.-- Harper Prism; 1995.-- (Harper science fiction).</t>
  </si>
  <si>
    <t>823.91/E28</t>
  </si>
  <si>
    <t>White jazz / James Ellroy.-- Fawcett Gold Medal (published by Ballantine Books); c1992.</t>
  </si>
  <si>
    <t>813.5/E48</t>
  </si>
  <si>
    <t>My dark places : an L.A. crime memoir / James Ellroy.-- Vintage Books, a division of Random House; 1997.-- (A Vintage book).</t>
  </si>
  <si>
    <t>Erotic tales of the Victorian Age / Bram Stoker ... [et al.] ; alk. paper.-- Prometheus; 1998.</t>
  </si>
  <si>
    <t>823.8/St7</t>
  </si>
  <si>
    <t>The hound of the Baskervilles : another adventures of Sherlock Holmes / Arthur Conan Doyle ; edited with an introduction and notes by Christopher Frayling.-- Penguin Books; 2001.-- (Penguin classics).</t>
  </si>
  <si>
    <t>A study in scarlet / Arthur Conan Doyle ; introduction by Iain Sinclair ; notes by Ed Glinert.-- Penguin Books; 2001.-- (Penguin classics).</t>
  </si>
  <si>
    <t>The adventures of Sherlock Holmes / Arthur Conan Doyle ; edited with an introduction and notes by Richard Lancelyn Green.-- Oxford University Press; 1998.-- (Oxford world's classics).</t>
  </si>
  <si>
    <t>The Forsyte saga / John Galsworthy ; v. 1, v. 2, v. 3.-- Penguin Books; c2001-.-- (Penguin classics).</t>
  </si>
  <si>
    <t>823.91/G17/1</t>
  </si>
  <si>
    <t>Always coming home / author, Ursula K. Le Guin ; composer, Todd Barton ; artist, Margaret Chodos ; George Hersh, geomancer ; maps drawn by the author ; pbk..-- Bantam Books; 1987, c1984.</t>
  </si>
  <si>
    <t>813.5/L46</t>
  </si>
  <si>
    <t>Murders and madness : medicine, law, and society in the fin de siècle / Ruth Harris ; : pbk.-- Oxford University Press; 1991.-- (Oxford historical monographs).</t>
  </si>
  <si>
    <t>364.944/H33</t>
  </si>
  <si>
    <t>Virtual light / William Gibson.-- Penguin; 1994, c1993.-- (Penguin books).</t>
  </si>
  <si>
    <t>813.5/G42</t>
  </si>
  <si>
    <t>Myths, emblems, clues / Carlo Ginzburg ; translated by John and Anne C. Tedeschi.-- Hutchinson Radius, c1990.</t>
  </si>
  <si>
    <t>201.6/G46</t>
  </si>
  <si>
    <t>Donne : poetical works / edited by Herbert J.C. Grierson ; : pbk.-- Oxford University Press; 1971.</t>
  </si>
  <si>
    <t>821.3/D85/g</t>
  </si>
  <si>
    <t>Pulp culture : hardboiled fiction and the Cold War / Woody Haut.-- Serpent's Tail; 1995.</t>
  </si>
  <si>
    <t>813.0872/H45</t>
  </si>
  <si>
    <t>L.A. confidential : the screenplay / by Brian Helgeland &amp; Curtis Hanson ; based on the novel by James Ellroy.-- Warner Books; c1997.</t>
  </si>
  <si>
    <t>791.43/H51</t>
  </si>
  <si>
    <t>The criminology theory reader / edited by Stuart Henry and Werner Einstadter ; : cloth, : pbk.-- New York University Press; c1998.</t>
  </si>
  <si>
    <t>364.9/H52</t>
  </si>
  <si>
    <t>Monstrous imagination / Marie-Hélène Huet ; : pbk.-- Harvard University Press; 1993.</t>
  </si>
  <si>
    <t>809.9/H98</t>
  </si>
  <si>
    <t>North wind / Gwyneth Jones ; pbk.-- VGSF; 1995.</t>
  </si>
  <si>
    <t>823.91/J72</t>
  </si>
  <si>
    <t>Original sin / P.D. James.-- Warner Books; [1996], c1994.</t>
  </si>
  <si>
    <t>Conversations with Christopher Isherwood / edited by James J. Berg and Chris Freeman ; : pbk.-- University Press of Mississippi; c2001.-- (Literary conversations series / Peggy Whitman Prenshaw, general editor).</t>
  </si>
  <si>
    <t>824.91/V28</t>
  </si>
  <si>
    <t>The dead school / Patrick McCabe.-- Delta; c1995.</t>
  </si>
  <si>
    <t>823.91/Ma13</t>
  </si>
  <si>
    <t>Speaking in tongues / Ian Mcdonald.-- VGSF; 1993.</t>
  </si>
  <si>
    <t>The Ferguson affair / Ross Macdonald.-- Bantam Books; 1963, c1960.-- (Bantam books ; mystery).</t>
  </si>
  <si>
    <t>Unfinished tales of Númenor and middle-earth / J.R.R. Tolkien ; edited with introduction, commentary, index and maps by Christopher Tolkien.-- Unwin Paperbacks; 1982.</t>
  </si>
  <si>
    <t>823.91/To47</t>
  </si>
  <si>
    <t>Snow crash / Neal Stephenson ; :pbk.-- Bantam Books; 1993.-- (A Bantam spectra book).</t>
  </si>
  <si>
    <t>813.5/St5</t>
  </si>
  <si>
    <t>Some of Your Blood / Theodore Sturgeon.-- Carroll &amp; Graf; 1994.6.</t>
  </si>
  <si>
    <t>813.5/St9</t>
  </si>
  <si>
    <t>Beauty / Sheri S. Tepper.-- Bantam Books; 1992.4.</t>
  </si>
  <si>
    <t>813.5/Te39</t>
  </si>
  <si>
    <t>The rise of Endymion / Dan Simmons.-- Bantam books; 1998.6, c1997.</t>
  </si>
  <si>
    <t>813.5/Si5</t>
  </si>
  <si>
    <t>Endymion / Dan Simmons ; : pbk.-- Bantam Books; 1996, c1995.</t>
  </si>
  <si>
    <t>The expedition of Humphry Clinker / Tobias Smollett ; edited with an introduction by Angus Ross.-- Penguin; 1985.-- (Penguin classics).</t>
  </si>
  <si>
    <t>823.6/Sm7</t>
  </si>
  <si>
    <t>Body of glass / Marge Piercy.-- Penguin; 1992.-- (Penguin books).</t>
  </si>
  <si>
    <t>813.5/P62</t>
  </si>
  <si>
    <t>The fall of the House of Usher and other writings : poems, tales, essays and reviews / [Edgar Allan Poe] ; edited with an introduction by David Galloway.-- Penguin; 1986 printing.-- (Penguin classics).</t>
  </si>
  <si>
    <t>818.3/P76</t>
  </si>
  <si>
    <t>Red mars / Kim Stanley Robinson ; : pbk.-- Bantam Books; 1993.-- (A Bantam spectra book).</t>
  </si>
  <si>
    <t>813.5/R54</t>
  </si>
  <si>
    <t>Green mars / Kim Stanley Robinson ; : pbk.-- Bantam Books; 1995.-- (A Bantam spectra book).</t>
  </si>
  <si>
    <t>Blue Mars / Kim Stanley Robinson ; : pbk.-- Bantam Books; 1997.-- (A Bantam spectra book).</t>
  </si>
  <si>
    <t>Ross Macdonald / by Jerry Speir.-- Frederick Ungar; c1978.-- (Recognitions).</t>
  </si>
  <si>
    <t>813.5/Ma14/s</t>
  </si>
  <si>
    <t>The chill / Ross Macdonald.-- Vintage Crime / Black Lizard; 1996.-- (Bantam books ; S4430 ; mystery . A Lew Archer novel).</t>
  </si>
  <si>
    <t>Ross Macdonald / by Bernard Schopen.-- Twayne Publishers; c1990.-- (Twayne's United States authors series ;  TUSAS 557).</t>
  </si>
  <si>
    <t>Ross Macdonald : a biography / Tom Nolan.-- Poisoned Pen Press; 2001.</t>
  </si>
  <si>
    <t>813.5/Ma14/n</t>
  </si>
  <si>
    <t>Detecting texts : the metaphysical detective story from Poe to postmodernism / edited by Patricia Merivale and Susan Elizabeth Sweeney ; : pbk.-- University of Pennsylvania Press; c1999.</t>
  </si>
  <si>
    <t>809.387/Me66</t>
  </si>
  <si>
    <t>How to be a Brit : a Mikes minibus / George Mikes ; Nicolas Bentley drew the pictures.-- Penguin Books; 1986, c1984.</t>
  </si>
  <si>
    <t>941.085/Mi23</t>
  </si>
  <si>
    <t>Adrian Mole : the wilderness years / Sue Townsend.-- Penguin Books; 2003.-- (Penguin books).</t>
  </si>
  <si>
    <t>823.91/To77</t>
  </si>
  <si>
    <t>Nebula awards 29 : SFWA's choices for the best sceince fiction and fantasy of the year / edited by Pamela Sargent.-- Harcourt Brace &amp; Company; c 1995.-- (A Harvest original).</t>
  </si>
  <si>
    <t>813.087/Sa69</t>
  </si>
  <si>
    <t>Droppin' science : critical essays on rap music and hip hop culture / edited by William Eric Perkins ; : pbk.-- Temple University Press; 1996.-- (Critical perspectives on the past).</t>
  </si>
  <si>
    <t>782.42/P42</t>
  </si>
  <si>
    <t>Eye witness : artists and visual documentation in Britain 1770-1830 / Sam Smiles.-- Ashgate Pub.; c2000.</t>
  </si>
  <si>
    <t>709.41/Sm4</t>
  </si>
  <si>
    <t>Sexual anarchy : gender and culture at the fin de siècle / Elaine Showalter ; : pbk.-- Penguin; 1991.</t>
  </si>
  <si>
    <t>820.9/Sh97</t>
  </si>
  <si>
    <t>The rip-off / Jim Thompson.-- Vintage Crime/Black Lizard; 1999.</t>
  </si>
  <si>
    <t>813.5/Th6</t>
  </si>
  <si>
    <t>Down in the zero / Andrew Vachss.-- Vintage Crime/Black Lizard ; 1995.</t>
  </si>
  <si>
    <t>813.5/V13</t>
  </si>
  <si>
    <t>San Francisco as you like it / Bonnie Wach.-- Chronicle Books; c1998.</t>
  </si>
  <si>
    <t>917.94/W11</t>
  </si>
  <si>
    <t>Practices of freedom : selected writings on HIV/AIDS / by Simon Watney.-- Rivers Oram Press; 1994.</t>
  </si>
  <si>
    <t>362.196/W47</t>
  </si>
  <si>
    <t>Vampires &amp; violets : lesbians in the cinema / Andrea Weiss.-- Jonathan Cape; 1992.</t>
  </si>
  <si>
    <t>791.436/W55</t>
  </si>
  <si>
    <t>The island of Doctor Moreau / H.G. Wells ; edited by Patrick Parrinder ; with an introduction by Margaret Atwood ; and notes by Steven Mclean ; : pbk.-- Penguin ; 2005.-- (Penguin classics).</t>
  </si>
  <si>
    <t>823.91/W57</t>
  </si>
  <si>
    <t>The first men in the moon / H.G. Wells ; introduced by Arthur C. Clarke.-- Dent; 1993.-- (Everyman's library).</t>
  </si>
  <si>
    <t>The war of the worlds / H. G. Wells ; introduced by Arthur C. Clarke.-- Dent; 1993.-- (Everyman's library).</t>
  </si>
  <si>
    <t>Tono-Bungay / H.G. Wells ; edited by John Hammond.-- Dent; c1994.-- (Everyman's library).</t>
  </si>
  <si>
    <t>Kipps : the story of a simple soul / H.G. Wells ; edited by Peter Vansittart.-- Dent; 1993.-- (Everyman's library).</t>
  </si>
  <si>
    <t>Selected short stories / H.G. Wells.-- Penguin; 1958.-- (Penguin twentieth-century classics).</t>
  </si>
  <si>
    <t>Best science fiction stories of H.G. Wells.-- Dover Publications; 1966.</t>
  </si>
  <si>
    <t>Science fiction by the rivals of H.G. Wells : thirty stories and a complete novel / by W.L. Alden ... [et al.].-- Castle Books; 1979.</t>
  </si>
  <si>
    <t>823.087/A41</t>
  </si>
  <si>
    <t>Filth / Irvine Welsh.-- Vintage; 1999.</t>
  </si>
  <si>
    <t>Porn studies / edited by Linda Williams ; : pbk.-- Duke University Press; 2004.</t>
  </si>
  <si>
    <t>363.47/W74</t>
  </si>
  <si>
    <t>Assignment : Budapest / Edward S. Aarons.-- Fawcett; 1957.-- (Gold medal books).</t>
  </si>
  <si>
    <t>813.5/A11</t>
  </si>
  <si>
    <t>Assignment : Carlotta Cortez / Edward S. Aarons.-- Fawcett; 1959.-- (Gold medal books).</t>
  </si>
  <si>
    <t>Assignment : Ankara / Edward S. Aarons.-- Fawcett; 1961.-- (Gold medal books).</t>
  </si>
  <si>
    <t>Assignment : Sorrento Siren / Edward S. Aarons.-- Fawcett; 1963.-- (Gold medal books).</t>
  </si>
  <si>
    <t>Assignment : The girl in the gondola / Edward S. Aarons.-- Fawcett; 1964.-- (Gold medal books).</t>
  </si>
  <si>
    <t>Assignment : Sulu sea / Edward S. Aarons.-- Fawcett; c1964.-- (Gold medal books).</t>
  </si>
  <si>
    <t>Assignment : To Disaster / Edward S. Aarons.-- Fawcett; c1955.-- (Gold medal books).</t>
  </si>
  <si>
    <t>Assignment : School for spies / Edward S. Aarons.-- Fawcett; c1966.-- (Gold medal books).</t>
  </si>
  <si>
    <t>Assignment : Black viking / Edward S. Aarons.-- Fawcett; c1967.-- (Gold medal books).</t>
  </si>
  <si>
    <t>The private eye / Cleve F. Adams.-- The New American Library; 1951, c1942.-- (A Signet Book ; 850).</t>
  </si>
  <si>
    <t>813.5/A16</t>
  </si>
  <si>
    <t>The private eye / Cleve F. Adams.-- The New American Library; 1951 (1957 printing), c1942.-- (A Signet Book ; 1405).</t>
  </si>
  <si>
    <t>Would you believe? / Don Adams &amp; Bill Dana.-- Bantam books; 1982.-- (Bantam books).</t>
  </si>
  <si>
    <t>817.5/A16</t>
  </si>
  <si>
    <t>The hitchhiker's guide to the galaxy / Douglas Adams ; : pbk.-- Pocket books; c1979.-- (Pocket Fiction).</t>
  </si>
  <si>
    <t>823.91/A16</t>
  </si>
  <si>
    <t>Fate laughs / Herbert Adams.-- The Albatross; c1936.-- (The Albatross Crime Club ; 153).</t>
  </si>
  <si>
    <t>Watership down / Richard Adams.-- Penguin Books; c1973.-- (Puffin books).</t>
  </si>
  <si>
    <t>Two plus two equals minus seven / John F. Adams.-- Penguin; 1972.</t>
  </si>
  <si>
    <t>Not till a hot January / M.J. Adamson ; pbk..-- Bantam Books; 1987, c1986.-- (Bantam books).</t>
  </si>
  <si>
    <t>Remember March / M.J. Adamson ; pbk..-- Bantam Books; c1987.-- (Bantam Books mystery).</t>
  </si>
  <si>
    <t>The green flash / Joan Aiken.-- Dell; c1971.</t>
  </si>
  <si>
    <t>823.91/A25</t>
  </si>
  <si>
    <t>Trouble with product X / by Joan Aiken ; pbk.-- Panther; 1970.</t>
  </si>
  <si>
    <t>Slight mourning / Catherine Aird.-- Bantam; 1989.-- (Bantam books).</t>
  </si>
  <si>
    <t>The Pink Panther / a novel by Marvin Albert ; based on the screenplay by Maurice Richlin and Blake Edwards.-- Bantam books; 1964.-- (A bantam book ; J2696).</t>
  </si>
  <si>
    <t>813.5/A41</t>
  </si>
  <si>
    <t>The third Fontana book of great ghost stories / selected by Robert Aickman.-- Fontana; 1966.-- (Fontana books).</t>
  </si>
  <si>
    <t>823.087/A23/3</t>
  </si>
  <si>
    <t>The Fontana book of great ghost stories / selected by Robert Aickman.-- Fontana; 1964.-- (Fontana books).</t>
  </si>
  <si>
    <t>823.087/A23</t>
  </si>
  <si>
    <t>The fourth Fontana book of great ghost stories / collected by Robert Aickman.-- Fontana; 1967.-- (Fontana books).</t>
  </si>
  <si>
    <t>823.087/A23/4</t>
  </si>
  <si>
    <t>The fifth Fontana book of great ghost stories / collected by Robert Aickman.-- Collins : Fontana Books; 1969.-- (Fontana books).</t>
  </si>
  <si>
    <t>823.087/A23/5</t>
  </si>
  <si>
    <t>The seventh Fontana book of great ghost stories / selected by Robert Aickman.-- Fontana/Collins; 1971.-- (Fontana books).</t>
  </si>
  <si>
    <t>823.087/A23/7</t>
  </si>
  <si>
    <t>The fashion in shrouds / Margery Allingham.-- Pocket book; 1945.-- (Pocket books ; 329).</t>
  </si>
  <si>
    <t>Wanted: someone innocent and other stories / Margery Allingham.-- Stamford house; c1946.-- (Pony books ; 25c).</t>
  </si>
  <si>
    <t>Black plumes / Margery Allingham.-- Penguin Books in association with Heinemann; 1950.-- (Penguin books ; C737).</t>
  </si>
  <si>
    <t>The china governess : a mystery / Margery Allingham.-- Penguin; 1965.-- (Penguin books ; C2312).</t>
  </si>
  <si>
    <t>Coroner's pidgin / Margery Allingham.-- Penguin; 1950.-- (Penguin books ; 736 . Penguin crime).</t>
  </si>
  <si>
    <t>Mr Campion and others / Margery Allingham.-- Penguin ; 1950.-- (Penguin books ; 762 . Penguin crime).</t>
  </si>
  <si>
    <t>The white cottage mystery / Margery Allingham.-- Penguin; 1978, c1975.-- (Penguin books).</t>
  </si>
  <si>
    <t>The mind readers / by Margery Allingham.-- Macfadden-Bartell; 1967.-- (A Macfadden book ; 75-175).</t>
  </si>
  <si>
    <t>Pearls before swine / by Margery Allingham.-- Macfadden-Bartell; 1963.-- (A Macfadden book ; 60-120).</t>
  </si>
  <si>
    <t>Mr. Campion : criminologist / by Margery Allingham.-- Macfadden-Bartell; 1963.-- (A Macfadden book ; 50-181).</t>
  </si>
  <si>
    <t>Tether's end / by Margery Allingham.-- Macfadden-Bartell; 1970.-- (A Macfadden book ; 75-314).</t>
  </si>
  <si>
    <t>The tiger in the smoke / by Margery Allingham.-- Avon Book Division ; c1952.-- (Avon books  ; T-530).</t>
  </si>
  <si>
    <t>Ten were missing / by Margery Allingham.-- Dell Pub. Co; 1961.-- (A Dell mystery ; R102).</t>
  </si>
  <si>
    <t>Death of a ghost / Margery Allingham.-- Penguin ; 1942.-- (Penguin books ; 503).</t>
  </si>
  <si>
    <t>Mr Campion and others / Margery Allingham.-- Penguin ; 1950.-- (Penguin books ; . Penguin classic crime).</t>
  </si>
  <si>
    <t>Warrior Caste / James Albany.-- Pan; 1982.-- (The Fighting saga of the SAS ; 1).</t>
  </si>
  <si>
    <t>823.91/A41/1</t>
  </si>
  <si>
    <t>Mailed fist / James Albany.-- Pan; 1982.-- (The Fighting saga of the SAS ; 2).</t>
  </si>
  <si>
    <t>823.91/A41/2</t>
  </si>
  <si>
    <t>Hell's cartographers : some personal histories of science fiction writers / edited by Brian W. Aldiss, Harry Harrison.-- Futura Publication Ltd.; 1976.</t>
  </si>
  <si>
    <t>813.087/A41</t>
  </si>
  <si>
    <t>Tales for a rainy night / Edited by David Alexander.-- Fawcett Publications ; 1973.-- (A Fawcett gold medal book ; M2806).</t>
  </si>
  <si>
    <t>813.087/MY</t>
  </si>
  <si>
    <t>Fantômas / Marcel Allain and Pierre Souvestre ; introduction by John Ashbery.-- Ballantine Books ; 1987.</t>
  </si>
  <si>
    <t>843.91/So86</t>
  </si>
  <si>
    <t>Judgment on Deltchev / Eric Ambler.-- Pocket Books ; 1952.-- (Pocket Books mystery ; 887).</t>
  </si>
  <si>
    <t>The Levanter / Eric Ambler.-- Bantam Books ; 1973.-- (Bantam books  ; Q4925).</t>
  </si>
  <si>
    <t>The intercom conspiracy / Eric Ambler.-- Bantam Books ; 1970.-- (Bantam books  ; N5594).</t>
  </si>
  <si>
    <t>The Schirmer Inheritance / Eric Ambler.-- Bantam Books ; c1953.-- (Bantam books  ; 1327).</t>
  </si>
  <si>
    <t>Epitaph for a spy / Eric Ambler ; with a footnote by the author.-- Bantam Books; 1953.-- (Pennant books  ; P3).</t>
  </si>
  <si>
    <t>Murder, Maestro, please.-- Penguin; 1963.-- (Penguin books  ; C2036 . Penguin crime).</t>
  </si>
  <si>
    <t>813.5/A44</t>
  </si>
  <si>
    <t>The murder of Sherlock Holmes : a novel / by James Anderson.-- W.H. Allen; 1985, c1984.-- (A Star book  ; Murder, she wrote).</t>
  </si>
  <si>
    <t>823.91/A46</t>
  </si>
  <si>
    <t>Hrolf Kraki's saga / Poul Anderson.-- Ballantine Books; 1973.-- (Ballantine books  ; 23562).</t>
  </si>
  <si>
    <t>813.5/A46</t>
  </si>
  <si>
    <t>The broken sword / Poul Anderson ; with an introduction by Lin Carter.-- Ballantine Books; 1971.-- (Ballantine books  ; 23526).</t>
  </si>
  <si>
    <t>Red anger / by Geoffrey Household ; pbk.-- Penguin Books; 1977, c1975.</t>
  </si>
  <si>
    <t>Rebel princess / Evelyn Anthony.-- New American Library; 1974.-- (A signet book ; Y5801).</t>
  </si>
  <si>
    <t>823.91/A49</t>
  </si>
  <si>
    <t>Royal intrigue / Evelyn Anthony.-- New American Library; 1974.-- (A signet book ; Y5915).</t>
  </si>
  <si>
    <t>Stranger at the gates / Evelyn Anthony.-- New American Library; 1974.-- (A signet book ; W6019).</t>
  </si>
  <si>
    <t>Stone dead / by San Antonio ; translated by Cyril Buhler.-- Paperback Library; 1970.-- (Paperback Library ; 63-283).</t>
  </si>
  <si>
    <t>843.91/Sa61</t>
  </si>
  <si>
    <t>Thugs and bottles / by San Antonio ; translated by Cyril Buhler.-- Paperback Library; 1970.-- (Paperback Library ; 63-306).</t>
  </si>
  <si>
    <t>The strangler  / by San Antonio ; translated by Cyril Buhler.-- Paperback Library; 1970.-- (Paperback Library ; 63-326).</t>
  </si>
  <si>
    <t>From A to Z / by San Antonio ; translated by Hugh Campbell.-- Paperback Library; 1970.-- (Paperback Library ; 63-352).</t>
  </si>
  <si>
    <t>Barbary hoard / Appleby, John.-- Dell Pub. Co; 19--.-- (A Dell book ; 751).</t>
  </si>
  <si>
    <t>813.5/A59</t>
  </si>
  <si>
    <t>Walk out on death / By Charlotte Armstrong.-- Pocket Books; 1954.-- (The complete book ; 1034).</t>
  </si>
  <si>
    <t>813.5/A79</t>
  </si>
  <si>
    <t>The unsuspected / By Charlotte Armstrong.-- Pocket Books; 1947.-- (Pocket book ; 444).</t>
  </si>
  <si>
    <t>Mischief / By Charlotte Armstrong.-- Pocket Books; 1951.-- (Pocket book ; 805).</t>
  </si>
  <si>
    <t>Murder's nest / By Charlotte Armstrong.-- Pocket Books; 1955.-- (The complete book ; 1058).</t>
  </si>
  <si>
    <t>A little less than kind / By Charlotte Armstrong.-- Keyhole Crime ; 1981, c1963.-- (Keyhole Crime  ; 3).</t>
  </si>
  <si>
    <t>Dream of fair woman / By Charlotte Armstrong.-- Keyhole Crime ; 1981, c1966.-- (Keyhole Crime  ; 24).</t>
  </si>
  <si>
    <t>The innocent flower / By Charlotte Armstrong.-- Berkley Pub. Corp; c1945.-- (A Berkley medallion book ; S1860).</t>
  </si>
  <si>
    <t>A dram of poison / By Charlotte Armstrong.-- Fawcett Publications; 19--.-- (A Fawcett crest book ; T1446).</t>
  </si>
  <si>
    <t>Lemon in the basket / By Charlotte Armstrong.-- Fawcett Publications; 1969, c1967.-- (A Fawcett crest book ; R1198).</t>
  </si>
  <si>
    <t>The balloon man  / By Charlotte Armstrong.-- Fawcett Publications; 1969, c1968.-- (A Fawcett crest book ; T1255).</t>
  </si>
  <si>
    <t>The turret room  / By Charlotte Armstrong.-- Fawcett Publications; 1970(3rd printing), c1965.-- (A Fawcett crest book ; T1317).</t>
  </si>
  <si>
    <t>The girl with a secret  / By Charlotte Armstrong.-- Fawcett Publications; c1957,1959.-- (A Fawcett crest book ; T1370).</t>
  </si>
  <si>
    <t>Seven seats to the moon / By Charlotte Armstrong.-- Fawcett Publications; 1970, c1969.-- (A Fawcett crest book ; M1399).</t>
  </si>
  <si>
    <t>The protégé / By Charlotte Armstrong.-- Fawcett Publications; 1971, c1970.-- (A Fawcett crest book ; T1505).</t>
  </si>
  <si>
    <t>Catch-as-catch-can : Then game two women / By Charlotte Armstrong.-- Ace Books, Inc; c1952 : c1962.-- (Giant double novel book ; G513).</t>
  </si>
  <si>
    <t>The chocolate cobweb : Who's been sitting in my chair? / By Charlotte Armstrong.-- Ace Books, Inc; c1948 : c1954.-- (Giant double novel book ; G511).</t>
  </si>
  <si>
    <t>The black-eyed stranger : The one-faced girl / By Charlotte Armstrong.-- Ace Books, Inc; c1951 : c1963.-- (Giant double novel book ; G533).</t>
  </si>
  <si>
    <t>A dram of poison / By Charlotte Armstrong.-- Fawcett Publications; 1960(3rd. printing).-- (Crest book ; 383).</t>
  </si>
  <si>
    <t>Dream of fair woman / By Charlotte Armstrong.-- Coward-McCann ; 1967, c1966.-- (A Berkley medallion book ; x1378).</t>
  </si>
  <si>
    <t>Crime and the psychic world / by Fred Archer.-- Dell Pub.; 1970, c1969.</t>
  </si>
  <si>
    <t>364/A68</t>
  </si>
  <si>
    <t>Mr Arkadin / Orson Welles ; pbk.-- Panther; 1974.</t>
  </si>
  <si>
    <t>813.5/W57</t>
  </si>
  <si>
    <t>Death on the dragon's tongue / Margot Arnold ; pbk..-- Playboy; 1982.-- (Playboy paperbacks ; 21150).</t>
  </si>
  <si>
    <t>823.91/A79</t>
  </si>
  <si>
    <t>Exit actors, dying / Margot Arnold ; pbk..-- Playboy; 1982.-- (Playboy paperbacks ; 21181).</t>
  </si>
  <si>
    <t>A crime of honour / by Giovanni Arpino ; translated from the Italian by Raymond Rosenthal.-- Pan Books ; 1965.</t>
  </si>
  <si>
    <t>853.9/A79</t>
  </si>
  <si>
    <t>Emmanuelle / by Emmanuelle Arsan ; translated by Lowell Bair.-- Grove Press ; 1971.</t>
  </si>
  <si>
    <t>843.91/A79</t>
  </si>
  <si>
    <t>The early Asimov or, Eleven years of trying / Isaac Asimov. ; 1, 2.-- Panther; 1973-1974.-- (Panther science fiction  ; 380,393).</t>
  </si>
  <si>
    <t>813.5/A92/1</t>
  </si>
  <si>
    <t>813.5/A92/2</t>
  </si>
  <si>
    <t>The caves of steel / Isaac Asimov..-- Panther; 1973.-- (Panther science fiction  ; 835).</t>
  </si>
  <si>
    <t>813.5/A92</t>
  </si>
  <si>
    <t>David Starr, space ranger / by Isaac Asimov.-- Ballantine Books; 1984, c1954.-- (A Del Rey book ; 31541).</t>
  </si>
  <si>
    <t>Lucky Starr and the big sun of Mercury / by Isaac Asimov.-- Ballantine Books; 1984, c1956.-- (A Del Rey book ; 31439).</t>
  </si>
  <si>
    <t>Lucky Starr and the oceans of Venus / by Isaac Asimov.-- Ballantine Books; 1984, c1956.-- (A Del Rey book ; 31563).</t>
  </si>
  <si>
    <t>Opus 100  / by Isaac Asimov.-- Dell Pub. Co; 1970, c1956.-- (A Dell mystery ; 6695).</t>
  </si>
  <si>
    <t>The left hand of the electron  / by Isaac Asimov.-- Dell Pub. Co; 1974.-- (Dell SF  ; 4717).</t>
  </si>
  <si>
    <t>The left hand of the electron  / by Isaac Asimov.-- Dell Pub. Co; 1969, c1968.-- (Dell SF  ; 0307).</t>
  </si>
  <si>
    <t>Casebook of the black widowers / Isaac Asimov.-- Fawcett Crest; 1981, c1980.-- (A Fawcett crest book).</t>
  </si>
  <si>
    <t>A whiff of death / Isaac Asimov.-- Lancer Book ; 1969, c1958.-- (Lancer books ; 74-545).</t>
  </si>
  <si>
    <t>The Big apple mysteries / edited by Carol-Lynn Rössel Waugh, Martin Harry Greenberg and Isaac Asimov.-- Avon; 1982.-- (Avon Books ; 80150).</t>
  </si>
  <si>
    <t>A promise of diamonds / by Gordon Ashe.-- New American Library; 1965, c1964.-- (A Signet mystery ; D2803).</t>
  </si>
  <si>
    <t>The History of the science fiction magazine / edited by Michael Ashley ; pt.1 : 1926-1935, pt.2 : 1936-1945.-- New English Library; 1977-.</t>
  </si>
  <si>
    <t>813.087/A92</t>
  </si>
  <si>
    <t>The ghost book : sixteen stories of the uncanny / compiled by Lady Cynthia Asquith.-- Pan Books; 1970.</t>
  </si>
  <si>
    <t>823.91/A93</t>
  </si>
  <si>
    <t>A place called Saturday / by Mary Astor ; pbk.-- Mayflower books; 1970.-- (A Mayflower Paperback ; 583 11773 2).</t>
  </si>
  <si>
    <t>813.5/A93</t>
  </si>
  <si>
    <t>Exit Charlie / Alex Atkinson.-- Penguin ; 1957.-- (Penguin books ; 1232).</t>
  </si>
  <si>
    <t>The paper pistol contract / by Philip Atlee.-- Fawcett Pub; 1966.-- (A Fawcett gold medal book ; d1634).</t>
  </si>
  <si>
    <t>813.5/A94</t>
  </si>
  <si>
    <t>Slay me a sinner / by Pierre Audemars.-- Dell Pub. Co; 1983, c1979.-- (A Dell book ; .a scene of the crime ; mystery 62).</t>
  </si>
  <si>
    <t>823.91/A96</t>
  </si>
  <si>
    <t>The official 'Mastermind' handbook / by Leslie H. Ault.-- New American Library; c1976.-- (A Signet book ; Y7275).</t>
  </si>
  <si>
    <t>794.2/A96</t>
  </si>
  <si>
    <t>The spell of the black raven / R.G. Austin; illustrated by Anthony Kramer.-- Pocket Books; c1982.-- (Which way books ; 3).</t>
  </si>
  <si>
    <t>813.5/A96</t>
  </si>
  <si>
    <t>Famous and rich / by R.G. Austin ; illustrated by Mike Eagle.-- Pocket Books; c1982.-- (Which way books ; 4).</t>
  </si>
  <si>
    <t>The road to glory / by F. Britten Austin.-- Bernhard Tauchnitz; 1937 .-- (Tauchnitz edition of British and American authors ; 5281).</t>
  </si>
  <si>
    <t>The passenger on the U / by Claude Aveline.-- Ace books ; 1968, c1963.</t>
  </si>
  <si>
    <t>843.91/A96</t>
  </si>
  <si>
    <t>The Bedroom bolero : an "Ed Noon" mystery / by Michael Avallone.-- Belmont Books ; c1965.-- (Belmont Books  ; 90-276).</t>
  </si>
  <si>
    <t>The tall Dolores / by Michael Avallone.-- Permabooks; 1953.-- (A Perma Star ; 244).</t>
  </si>
  <si>
    <t>The spitting image / by Michael Avallone.-- Permabooks; 1954, c1953.-- (A Perma Star ; 289).</t>
  </si>
  <si>
    <t>The murder of the circu queen / by Anthony Abbot.-- Pub. for the Crime club, ltd., by W. Collins sons &amp; co. ltd; 1933.</t>
  </si>
  <si>
    <t>Dirk Gently's Holistic Detective Agency / Douglas Adams.-- Simon and Schuster; c1987.</t>
  </si>
  <si>
    <t>Who killed the Robins family? : and where, and when, and how, and why, did they die? / created by Bill Adler ; written by Thomas Chastain.-- Morrow; 1983.</t>
  </si>
  <si>
    <t>Detective and mystery fiction : an international bibliography of secondary sources / Walter Albert.-- Brownstone Books; 1985.</t>
  </si>
  <si>
    <t>809.387/A41</t>
  </si>
  <si>
    <t>Behind a mask : the unknown thrillers of Louisa May Alcott / edited and with an introduction by Madeleine Stern.-- Morrow; 1975.</t>
  </si>
  <si>
    <t>813.4/A41/s</t>
  </si>
  <si>
    <t>Plots and counterplots : more unknown thrillers of Louisa May Alcott / edited and with an introduction by Madeleine Stern.-- Morrow; 1976.</t>
  </si>
  <si>
    <t>The Malacia tapestry / Brian W. Aldiss.-- Harper &amp; Row; 1976.</t>
  </si>
  <si>
    <t>The chocolate spy / David M. Alexander.-- Coward, McCann &amp; Geoghegan; c1978.</t>
  </si>
  <si>
    <t>The Dead Sea Scrolls : a reappraisal / John Marco Allegro.-- 2. ed.-- Penguin Books; 1964.-- (Pelican books).</t>
  </si>
  <si>
    <t>221.44/A41</t>
  </si>
  <si>
    <t>Flowers for the judge / by Margery Allingham.-- Avon Book Co.; 1946.-- (Murder mystery monthly ; 35).</t>
  </si>
  <si>
    <t>Hide my eyes / Margery Allingham.-- Chatto and Windus; 1958.</t>
  </si>
  <si>
    <t>The care of time / Eric Ambler.-- Weidenfeld and Nicolson ; c1981.</t>
  </si>
  <si>
    <t>Cause for alarm / Eric Ambler.-- Hodder and Stoughton; 1973, c1938.</t>
  </si>
  <si>
    <t>The dark frontier / Eric Ambler.-- Hodder and Stoughton; 1973, c1936.</t>
  </si>
  <si>
    <t>The ability to kill and other pieces / Eric Ambler.-- Bodley Head; 1963.</t>
  </si>
  <si>
    <t>364.152/A43</t>
  </si>
  <si>
    <t>The riverside villas murder / Kingsley Amis.-- J. Cape; 1973.</t>
  </si>
  <si>
    <t>Star ways / Poul Anderson.-- Avalon Books; [c1956].</t>
  </si>
  <si>
    <t>The book of people : photographs, capsule biographies, and vital statistics of over 500 celebrities / by Christopher P. Andersen.-- Putnam; c1981.-- (A Perigee book).</t>
  </si>
  <si>
    <t>920.009/A46</t>
  </si>
  <si>
    <t>Sherlock Holmes and the eminent thespian ; from the diaries of  John H Watson. MD / Val Andrews.-- Ian Henry Publications ; [1988].</t>
  </si>
  <si>
    <t>823.91/A48</t>
  </si>
  <si>
    <t>The dream walker / Charlotte Armstrong.-- Coward-McCann; 1955.</t>
  </si>
  <si>
    <t>The better to eat you / Charlotte Armstrong.-- Coward-McCann; c1954.</t>
  </si>
  <si>
    <t>Who's who in science fiction / Brian Ash.-- Taplinger Pub. Co.; 1976.</t>
  </si>
  <si>
    <t>809.387/A92</t>
  </si>
  <si>
    <t>Ten years beyond Baker Street : Sherlock Holmes matches wits with the diabolical Dr. Fu Manchu / Cay Van Ash ; illustrations by Peter Elwell.-- Harper &amp; Row; c1984.</t>
  </si>
  <si>
    <t>823.91/V26</t>
  </si>
  <si>
    <t>Asimov's Sherlockian limericks / by Isaac Asimov ; introduction by the author ; frontispiece by Gahan Wilson ; : trade ed..-- Mysterious Press; 1978.</t>
  </si>
  <si>
    <t>811.5/A92</t>
  </si>
  <si>
    <t>Murder in triplicate / by Hugh Austin.-- The Sun Dial Press; 1936.</t>
  </si>
  <si>
    <t>La double mort de Frédéric Belot : suivi d'une double note sur le roman policier / Claude Aveline.-- Rombaldi; 1966,c1962.-- (Bibliothèque du Nouveau club de la femme).</t>
  </si>
  <si>
    <t>La double mort de Frédéric Belot : suivi d'une double note sur le roman policier / Claude Aveline.-- Version définitive.-- Mercure de France; 1962.</t>
  </si>
  <si>
    <t>The double death of Frederic Belot / by Claude Aveline ; translated by Ann Lindsay.-- Dennis Dobson; 1968.</t>
  </si>
  <si>
    <t>L'Abonné de la ligne U / Claude Aveline.-- Mercure de France; 1964.</t>
  </si>
  <si>
    <t>Le jet d'eau / Claude Aveline.-- Mercure de France; 1970.</t>
  </si>
  <si>
    <t>Voiture 7 place 15 / Claude Aveline.-- Mercure de France; 1970.</t>
  </si>
  <si>
    <t>L'oeil-de-chat / Claude Aveline.-- Mercure de France; 1970.</t>
  </si>
  <si>
    <t>Prisoner born / by Claude Aveline ; translated from the French by Mervyn Savill.-- Dennis Dobson; 1970.</t>
  </si>
  <si>
    <t>Carriage seven , seat fifteen / by Claude Aveline ; translated by David Arkell.-- Dennis Dobson; 1968.</t>
  </si>
  <si>
    <t>A homicide for Hannah / by Dwight V. Babcock.-- Avon book company; 1945.-- (New Avon library ; 68).</t>
  </si>
  <si>
    <t>813.5/B12</t>
  </si>
  <si>
    <t>Murder, murder, little star  / by Marian Babson.-- Dell Pub. Co; 1982, c1977.-- (A Dell book ; .a scene of the crime ; mystery 40).</t>
  </si>
  <si>
    <t>Scared to death / by George Bagby.-- Warner Paperback Library; 1972, c1952.-- (Warner paperback library ; 96-968).</t>
  </si>
  <si>
    <t>Drop dead / by George Bagby.-- Bantam Books ; 1955,c1949.-- (A Bantam mystery ; 1308).</t>
  </si>
  <si>
    <t>Dead on arrival / by George Bagby.-- Bantam Books ; 1954.-- (Bantam books ; 1197).</t>
  </si>
  <si>
    <t>Dirty pool / by George Bagby.-- Modern Literary; 19--, c1966.-- (Curtis books ; 123-06018-060).</t>
  </si>
  <si>
    <t>Evil genius / by George Bagby.-- Modern Literary; 19--, c1961.-- (Curtis books ; 123-06027-060).</t>
  </si>
  <si>
    <t>Bahama crisis / Desmond Bagley ; pbk.-- Fontana; 1981, c1980.-- (Fontan paperbacks).</t>
  </si>
  <si>
    <t>Windfall / Desmond Bagley ; pbk.-- Fontana; 1982, c1982.-- (Fontan paperbacks).</t>
  </si>
  <si>
    <t>Open your hand and close your eyes / Patrick Bair.-- Pan Books; 1967.</t>
  </si>
  <si>
    <t>Death and variations / by Ivon Baker.-- Keyhole Crime ; 1981, c1977.-- (Keyhole crime ; 26).</t>
  </si>
  <si>
    <t>823.91/B15</t>
  </si>
  <si>
    <t>Five pieces of jade / by John Ball.-- Bantam Books ; 1973, c1972.-- (A Bantam mystery ; S7509).</t>
  </si>
  <si>
    <t>813.5/B16</t>
  </si>
  <si>
    <t>Miss One Thousand Spring Blossoms / by John Ball.-- Bantam Books ; 1970, c1968.-- (A Bantam book ; N4760).</t>
  </si>
  <si>
    <t>The first team / by John Ball.-- Bantam Books ; 1973, c1971.-- (A Bantam book ; T7427).</t>
  </si>
  <si>
    <t>The spy in the jungle / [by] Bill S. Ballinger.-- New American Library; c1965.-- (A Signet book ; D2674).</t>
  </si>
  <si>
    <t>The chinese mask / by Bill S. Ballinger.-- New American Library; c1965.-- (A Signet book ; D2715).</t>
  </si>
  <si>
    <t>The body in the bed / by Bill S. Ballinger.-- New American Library; 1949.-- (A Signet book ; 730).</t>
  </si>
  <si>
    <t>The body beautiful / by Bill S. Ballinger.-- New American Library; 1950, c1949.-- (A Signet book ; 774).</t>
  </si>
  <si>
    <t>The beautiful trap / by Bill S. Ballinger.-- New American Library; 1954, c1953.-- (A Signet book ; 1134).</t>
  </si>
  <si>
    <t>The darkening door / by Bill S. Ballinger.-- New American Library; 1953, c1952.-- (A Signet book ; 1040).</t>
  </si>
  <si>
    <t>Not I, said the vixen / by Bill S. Ballinger.-- Fawcett Publications; 1965.-- (A Fawcett gold medal book ; k1529).</t>
  </si>
  <si>
    <t>Balzac : 1799-1850.-- André Silvaire; 1973.-- (Maximes et pensées).</t>
  </si>
  <si>
    <t>843.7/B16</t>
  </si>
  <si>
    <t>Not dead yet / Daniel Banko.-- Fawcett Publications; 1972.-- (A Fawcett Gold Medal book ; T2581 ).</t>
  </si>
  <si>
    <t>813.5/B18</t>
  </si>
  <si>
    <t>Death's long shadow / by Jay Barbette.-- Bantam Books ; 1955, c1953.-- (A Bantam mystery ; 1349).</t>
  </si>
  <si>
    <t>813.5/B21</t>
  </si>
  <si>
    <t>Final copy / by Jay Barbette.-- Bantam Books ; 1953, c1950.-- (A Bantam books ; 1076).</t>
  </si>
  <si>
    <t>Ghosts and hauntings / Dennis Bardens.-- Collins; 1967, c1965.-- (Fontana books ; 1610).</t>
  </si>
  <si>
    <t>133.1/B21</t>
  </si>
  <si>
    <t>The harlot killer / edited by Allan Barnard.-- Dell Pub. Co; 19--, c1953.-- (A Dell book ; 797).</t>
  </si>
  <si>
    <t>364.15/B22</t>
  </si>
  <si>
    <t>Death of a mystery writer   /  Robert Barnard.-- Dell Pub. Co; 1982, c1978.-- (A Dell book ; .a scene of the crime ; mystery 4).</t>
  </si>
  <si>
    <t>823.91/B22</t>
  </si>
  <si>
    <t>Death in a cold climate   /  Robert Barnard.-- Dell Pub. Co; 1982, c1980.-- (A Dell book ; .a scene of the crime ; mystery 42).</t>
  </si>
  <si>
    <t>Death of a perfect mother  /  Robert Barnard.-- Dell Pub. Co; 1982, c1981.-- (A Dell book ; .a scene of the crime ; mystery 52).</t>
  </si>
  <si>
    <t>Death by sheer torture  /  Robert Barnard.-- Dell Pub. Co; 1983, c1981.-- (A Dell book ; .a scene of the crime ; mystery 60).</t>
  </si>
  <si>
    <t>The case of the missing Brontë  /  Robert Barnard.-- Dell Pub. Co; 1984, c1983.-- (A Dell book ; .a scene of the crime ; mystery ).</t>
  </si>
  <si>
    <t>Death of an old goat / Robert Barnard ; pbk..-- Penguin Books; 1983, c1977.</t>
  </si>
  <si>
    <t>Death in a cold climate  / Robert Barnard ; pbk..-- Keyhole Crime; 1982, c1980.-- (Keyhole Crime  ; 35).</t>
  </si>
  <si>
    <t>The land of Oz : a sequel to The wizard of Oz / L. Frank Baum.-- Airmont Pub. Co; 1969.-- (Airmont classics series ; CL181).</t>
  </si>
  <si>
    <t>813.5/B28</t>
  </si>
  <si>
    <t>Sherlock Holmes : a biography of the world's first consulting detective / W.S. Baring-Gould ; pbk.-- Panther; 1975.</t>
  </si>
  <si>
    <t>823.91/D89/b</t>
  </si>
  <si>
    <t>Sherlock Holmes of Baker Street : a life of the world's first consulting detective / by William S. Baring-Gould.-- Popular Library ; 1963.</t>
  </si>
  <si>
    <t>Blood will have blood / Linda J. Barnes.-- Avon Books; 1982.-- (A Michael Spraggue mystery).</t>
  </si>
  <si>
    <t>813.5/B23</t>
  </si>
  <si>
    <t>Image, music, text / [by] Roland Barthes ; essays selected and translated by Stephen Heath.-- Fotana ; 1977.-- (Fontana communications series).</t>
  </si>
  <si>
    <t>844.91/B25</t>
  </si>
  <si>
    <t>The big steal / by Earle Basinsky.-- New American Library ; 1956, c1955.-- (A Signet book ; 1286).</t>
  </si>
  <si>
    <t>813.5/B26</t>
  </si>
  <si>
    <t>Du sang dans les voiles / Ange Bastiani.-- Press de la Cité; c1967.</t>
  </si>
  <si>
    <t>843.91/R17</t>
  </si>
  <si>
    <t>The wizard of Oz / by L. Frank Baum ; with pictures by W.W.Denslow.-- Ballantine Books.; 1979.-- (A Del Rey book. ; 1).</t>
  </si>
  <si>
    <t>Science fiction hall of fame, the greatest science fiction stories of all time /  edited by Ben Bova ; chosen by the members of the science fiction writers of America ; v. 2A.-- Avon Books; 1974, c1973.</t>
  </si>
  <si>
    <t>813.087/Sc9/2(1)</t>
  </si>
  <si>
    <t>The trouble with murder / by Roger Bax.-- Harper; [1948].</t>
  </si>
  <si>
    <t>A queer kind of death / by George Baxt.-- New American Library; 1967, c1966.-- (A Signet book ; P3188).</t>
  </si>
  <si>
    <t>An eye for an eye / Oliver Weld Bayer.-- Editions for the Armed Services; c1945.-- (Armed services editions ; 983).</t>
  </si>
  <si>
    <t>813.5/B29</t>
  </si>
  <si>
    <t>Hand of the mafia / Jack Baynes.-- Fawcett Publications; 1958.-- (Crest book ; 383).</t>
  </si>
  <si>
    <t>Death of a gossip / M. C. Beaton.-- Ballantine Books; 1988, c1985.-- (Ivy books ; mystery ).</t>
  </si>
  <si>
    <t>823.91/B31</t>
  </si>
  <si>
    <t>Murder in a mummy case / K.K. Beck.-- Ballantine Books; 1987, c1986.-- (Ivy books  ; mystery ).</t>
  </si>
  <si>
    <t>Death in a deck chair / K.K. Beck.-- Ballantine Books; 1987, c1984.-- (Ivy books  ; mystery ).</t>
  </si>
  <si>
    <t>The history of the Caliph Vathek, including The episodes of Vathek : an Arabian tale by William Beckford with the original notes. / Introduction by Lin Carter.-- Ballantine Books; 1971.-- (Adult fantasy).</t>
  </si>
  <si>
    <t>843.5/B31</t>
  </si>
  <si>
    <t>Big stick-up at Brink's! / Noel Behn.-- Coronet; 1978.</t>
  </si>
  <si>
    <t>364.16/B32</t>
  </si>
  <si>
    <t>The Kremlin letter / Noel Behn.-- Dell; 1967.-- (Dell book ; 4600).</t>
  </si>
  <si>
    <t>813.5/B32</t>
  </si>
  <si>
    <t>Death in retirement / by Josephine Bell.-- Ballantine books; c1956.</t>
  </si>
  <si>
    <t>823.91/B33</t>
  </si>
  <si>
    <t>A flat tyre in Fulham / Jsephine Bell.-- Hodder &amp; Stoughton; 1963.</t>
  </si>
  <si>
    <t>Corpse at the carnival / George Bellairs.-- Penguin Books; 1964.-- (Penguin books ; 2077).</t>
  </si>
  <si>
    <t>Death in High Provence / george Bellairs.-- Penguin books; 1963.</t>
  </si>
  <si>
    <t>The blotting book / by E.F. Benson ; with new introduction by Stephen Knight.-- Hogarth; 1987.</t>
  </si>
  <si>
    <t>Paying guests / E.F. Benson ; new introduction by Stephen Pile ; pbk..-- Hogarth Press; 1984.</t>
  </si>
  <si>
    <t>The luck of the vails / E.F. Benson ; new introduction by Stephen Knight.-- Hogarth; 1986.</t>
  </si>
  <si>
    <t>The horror horn / E. F. Benson.-- Panther; 1974.</t>
  </si>
  <si>
    <t>Alibi at dusk : a mystery story / by Ben Benson.-- Bantam; 1952.</t>
  </si>
  <si>
    <t>813.5/B35</t>
  </si>
  <si>
    <t>Trent's last case / E.C. Bentley.-- Avon; c1958.-- (Avon classic crime collection ; PN262).</t>
  </si>
  <si>
    <t>The chill / E. C. Bentley ; : pbk.-- Dell; 1950?.-- (Dell book ; 704).</t>
  </si>
  <si>
    <t>Inside information / Nicolas Bentley.-- Penguin; 1977.-- (Penguin crime fiction).</t>
  </si>
  <si>
    <t>The floating Dutchman / Nicolas Bentley.-- Panther; 1971.</t>
  </si>
  <si>
    <t>Freedom, farewell! / Phyllis Bentley.-- Penguin Books; 1950.-- (Penguin books ; 735 . Fiction).</t>
  </si>
  <si>
    <t>The hovering darkness / Evelyn Berckman.-- Ace Books; c1957.-- (An Ace book ; F202).</t>
  </si>
  <si>
    <t>813.5/B38</t>
  </si>
  <si>
    <t>The strange bedfellow / Evelyn Berckman.-- Dell; c1956.-- (Dell mystery ; D268).</t>
  </si>
  <si>
    <t>The evil of time / by Evelyn Berckman.-- Dell; 19--.-- (Dell book ; 841).</t>
  </si>
  <si>
    <t>Worse than murder / Evelyn Berckman.-- Dell; c1955.-- (Dell mystery ; 936).</t>
  </si>
  <si>
    <t>The Hampdenshire wonder / by J.D. Beresford.-- Penguin; 1937.-- (Penguin books ; 92).</t>
  </si>
  <si>
    <t>Prison nurse / Louis Berg, M. D..-- Bantam book; 1959.</t>
  </si>
  <si>
    <t>813.5/D91</t>
  </si>
  <si>
    <t>Dead Mrs Stratton : an exploit of Mr. Roger Sheringham / Anthony Berkeley ; new introduction by Patricia Craig and Mary Cadogan ; pbk.-- Hogarth; 1984, c1933.-- (Hogarth crime ).</t>
  </si>
  <si>
    <t>The poisoned chocolates case / Anthony Berkeley.-- Penguin books; 1936, c1929.</t>
  </si>
  <si>
    <t>Der Fall mit den Pralinen : Roman / Anthony Berkeley. Aus d. Engl. von Gerd van Bebber.-- Diogenes; 1988.</t>
  </si>
  <si>
    <t>The Piccadilly murder / Anthony Berkeley.-- Penguin books; 1938.</t>
  </si>
  <si>
    <t>The poisoned chocolates case / Anthony Berkeley.-- Dell; 1957.</t>
  </si>
  <si>
    <t>The last cruise / Arthur La Bern.-- Pan Books; 1980.</t>
  </si>
  <si>
    <t>823.91/L11</t>
  </si>
  <si>
    <t>Nightmare / Arthur La Bern.-- Pan Books; 1977.</t>
  </si>
  <si>
    <t>The Fontana book of great horror stories / selected by Christine Bernard.-- Collins; 1966.-- (Fontana books).</t>
  </si>
  <si>
    <t>823.087/H89/1</t>
  </si>
  <si>
    <t>The second Fontana book of great horror stories / edited by Christine Bernard.-- Collins : Fontana; 1967.-- (Fontana books).</t>
  </si>
  <si>
    <t>823.087/H89/2</t>
  </si>
  <si>
    <t>The third Fontana book of great horror stories / edited by Christine Bernard.-- Collins; 1968.-- (Fontana books ; 1702).</t>
  </si>
  <si>
    <t>823.087/H89/3</t>
  </si>
  <si>
    <t>The moonbeams.-- Lancer books; 1964.-- (A Lancer book ; 73-444).</t>
  </si>
  <si>
    <t>813.5/B39</t>
  </si>
  <si>
    <t>Starburst / Alfred Bester.-- New American Library ; 19--.-- (A Signet book ; Signet science fiction T4460).</t>
  </si>
  <si>
    <t>815.3/B39</t>
  </si>
  <si>
    <t>Spellbound : a mystery novel / by Francis Beeding.-- Kensington Publishing ; 1987.-- (Zebra books).</t>
  </si>
  <si>
    <t>The last unicorn / Peter S. Beagle.-- Ballantine Books; 1969, c1968.</t>
  </si>
  <si>
    <t>The black camel  / Earl Derr Biggers.-- Pyramid Publications; 1969.-- (Pyramid books ; T-1947).</t>
  </si>
  <si>
    <t>The Chinese parrot  / Earl Derr Biggers.-- Pyramid Publications; 1969.-- (Pyramid books ; T-1970).</t>
  </si>
  <si>
    <t>Behind that curtain  / Earl Derr Biggers.-- Pyramid Publications; 1969.-- (Pyramid books ; T-1971).</t>
  </si>
  <si>
    <t>Keeper of the keys  / Earl Derr Biggers.-- Pyramid Publications; 1969.-- (Pyramid books ; T-2003).</t>
  </si>
  <si>
    <t>The house without a key / Earl Derr Biggers.-- Pyramid Publications; 1969.-- (Pyramid books ; T-2004).</t>
  </si>
  <si>
    <t>Behind that curtain : A Charlie Chan  mystery  / by Earl Derr Biggers.-- Pocket Books; 1943.-- (Pocket Books  ; 191).</t>
  </si>
  <si>
    <t>The Chinese parrot : A Charlie Chan  mystery  / by Earl Derr Biggers.-- Pocket Books; 1942.-- (Pocket Books  ; 168).</t>
  </si>
  <si>
    <t>The Quallsford inheritance : a memoir of Sherlock Holmes from the papers of Edward Porter Jones, his late assistant / Lloyd Biggle, Jr ; pbk..-- Penguin Books; 1987, c1986.-- (Penguin crime fiction).</t>
  </si>
  <si>
    <t>The Monk and the Hangman's daughter and other stories / Ambrose Bierce.-- Avon Publications; 19--.-- (Avon ; 628).</t>
  </si>
  <si>
    <t>813.4/B41</t>
  </si>
  <si>
    <t>The hospital horror / by Otto O. Binder.-- Popular Library; c1973.-- (Popular library).</t>
  </si>
  <si>
    <t>813.5/B44</t>
  </si>
  <si>
    <t>The phantom of the Opera : A new version  / by David Bischoff.-- Scholastic Book Services; c1976.-- (TK ; 3437).</t>
  </si>
  <si>
    <t>813.5/B47</t>
  </si>
  <si>
    <t>Five roundabouts to heaven / John Bingham.-- Penguin; 1959, c1953.-- (Penguin classic crime).</t>
  </si>
  <si>
    <t>823.91/B44</t>
  </si>
  <si>
    <t>Five roundabouts to heaven / John Bingham.-- Panther Books  ; 1970, c1953.-- (Panther crime).</t>
  </si>
  <si>
    <t>The Paton Street case / by John Bingham.-- Penguin; 1964, c1955.-- (Penguin books ; C2038).</t>
  </si>
  <si>
    <t>I love, I kill / by John Bingham.-- Panther; 1970.-- (Panther crime).</t>
  </si>
  <si>
    <t>A fragment of fear / by John Bingham.-- Bantam Books; 1969.-- (Bantam books ; mystery H4314).</t>
  </si>
  <si>
    <t>Murder plan six / John Bingham.-- Dell Pub. Co ; 1962, c1958.-- (A Dell mystery ; R112).</t>
  </si>
  <si>
    <t>The tender poisoner / by John Bingham.-- Dell Pub. Co ; 19--, c1955.-- (A Dell mystery ; 873).</t>
  </si>
  <si>
    <t>The eyes around me / by Gavin Black.-- Harper &amp; Row; 1965.-- (Perennial library ; P4005A).</t>
  </si>
  <si>
    <t>823.91/B52</t>
  </si>
  <si>
    <t>Dead man calling / Gavin Black.-- Doubleday &amp; Company, Inc.; 1965.-- (dolphin books ; C451).</t>
  </si>
  <si>
    <t>Suddenly, at Singapore / Gavin Black.-- Collins; 1965.-- (Fontana books ; 2223).</t>
  </si>
  <si>
    <t>The cold jungle / Gavin Black.-- Collins; 1970, c1969.-- (Fontana books ; 2216).</t>
  </si>
  <si>
    <t>Colonel Bogus / John Blackburn.-- Panther; 1969.-- (Panther crime).</t>
  </si>
  <si>
    <t>A ring of roses / John Blackburn.-- Penguin; 1968.-- (Penguin books ; C2593).</t>
  </si>
  <si>
    <t>Dead man running / John Blackburn.-- Lancer Books; 1966.-- (Lancer books ; 74-466).</t>
  </si>
  <si>
    <t>The foggy foggy dew / by Charity Lee Blackstock.-- Ballantine Books; 19--, c1958.-- (Ballantine mystery ; U2126).</t>
  </si>
  <si>
    <t>The fourth Fontana book of great horror stories / selected by Christine Bernard.-- Collins; 1969.-- (Fontana books).</t>
  </si>
  <si>
    <t>823.087/H89/4</t>
  </si>
  <si>
    <t>Mr. Christopoulos / by Charity Blackstock.-- Ballantine book; 1965.</t>
  </si>
  <si>
    <t>Dewey death / Charity Blackstock.-- Ballantain; c1958.</t>
  </si>
  <si>
    <t>The gallant / by Charity Blackstock.-- Ballantine Books; 1966, c1962.-- (Ballantine mystery ; U2123).</t>
  </si>
  <si>
    <t>The dance of death / Algernon Blackwood.-- Pan; 1963.</t>
  </si>
  <si>
    <t>Ancient sorceries : and other stories / Algernon Blackwood.-- Penguin Books; 1968.-- (Penguin books ; 2904).</t>
  </si>
  <si>
    <t>The final ring / Marcia Blair.-- Kensington; 1978.-- (A zebra mystery puzzler ; 2).</t>
  </si>
  <si>
    <t>The beast must die / Nicholas Blake.-- Penguin; 1974.-- (Penguin crime fiction ).</t>
  </si>
  <si>
    <t>Head of taraveler / Nicholas Blake.-- Berkley; 1964, c1949.-- (Berkley medallion book ; F985).</t>
  </si>
  <si>
    <t>The deadly joker / Nicholas Blake.-- Pan Books; 1972.</t>
  </si>
  <si>
    <t>The private wound / Nicholas Blake.-- Dell; c1968.-- (Dell book ; 7122).</t>
  </si>
  <si>
    <t>A question of proof / Nicholas Blake.-- Pan; 1949.-- (Pan books ; 99).</t>
  </si>
  <si>
    <t>The corpse in the snowman / Nicholas Blake.-- Armed service ed.-- Harper &amp; brothers; c1941.</t>
  </si>
  <si>
    <t>The green stone / Suzanne Blanc.-- Dolphin books; 1963.</t>
  </si>
  <si>
    <t>813.5/B54</t>
  </si>
  <si>
    <t>The brass go-between / by Oliver Bleeck.-- Pocket book; 1971.</t>
  </si>
  <si>
    <t>813.5/Th5</t>
  </si>
  <si>
    <t>The Procane chronicle / Oliver Bleeck.-- Pocket book; 1973.</t>
  </si>
  <si>
    <t>Black Easter / James Blish.-- Dell; c1968.-- (Dell ; 0653-75C).</t>
  </si>
  <si>
    <t>813.5/B57</t>
  </si>
  <si>
    <t>The best of Robert Bloch / edited and with an introd. by Lester del Rey.-- Ballantine Books; 1977.</t>
  </si>
  <si>
    <t>813.5/B58</t>
  </si>
  <si>
    <t>The best of Fredric Brown / edited and with an introd. by Robert Bloch.-- Ballantine Books; c1977.</t>
  </si>
  <si>
    <t>Psycho / Robert Bloch.-- Warner book; c1959.</t>
  </si>
  <si>
    <t>Psycho II / Robert Bloch ; pbk..-- Warner Books; c1982.-- (Warner books fiction).</t>
  </si>
  <si>
    <t>813.5/B58/2</t>
  </si>
  <si>
    <t>Night-world / Robert Bloch.-- A Fawcett crest book; c1972.</t>
  </si>
  <si>
    <t>Time to murder and create / Lawrence Block.-- Keyhole crime; c1976.-- (Keyhole crime  ; 25).</t>
  </si>
  <si>
    <t>Tanner's twelve swingers / Lawrence Block.-- Fawcett; c1967.-- (A fawcett gold medal book).</t>
  </si>
  <si>
    <t>Deadly honeymoon / by Lawrence Block.-- Dell; c1967.</t>
  </si>
  <si>
    <t>The burglar who studied Spinoza / Lawrence Block.-- Pocket Books; 1982 c1980.</t>
  </si>
  <si>
    <t>Le comte de Gabalis ou entretiens sur les sciences secrètes / Monrfaucon de Villars.-- Pierre Belfond; c1966.</t>
  </si>
  <si>
    <t>194/V71</t>
  </si>
  <si>
    <t>Thriller Magazin / Schwarze Beute ; 3.-- Rowohlt Taschenbuch Verlag; 1988.</t>
  </si>
  <si>
    <t>833.9109/B39/3</t>
  </si>
  <si>
    <t>Bombay mail / Lawewnce G. Blochman.-- The Albatross; 1934.</t>
  </si>
  <si>
    <t>The bandit of Hell's bend / by Edgar Rice Burroughs.-- Ace book; 1952.</t>
  </si>
  <si>
    <t>813.5/B94</t>
  </si>
  <si>
    <t>See you at the morgue / With an introd. by Anthony Boucher, general editor.-- Collier Books; 1962.-- (A Collier mystery classic).</t>
  </si>
  <si>
    <t>See you at the morgue / With an introd. by Anthony Boucher, general editor.-- Dell; c1941.-- (Dell book ; 638).</t>
  </si>
  <si>
    <t>Blow-down / Lawrence G. Blochman.-- Harcourt, Brace; c1939.</t>
  </si>
  <si>
    <t>Recipe for homicide / by Lawrence G. Blochman.-- Dell Publishing; 19--.-- (Dell book ; 833).</t>
  </si>
  <si>
    <t>Bengaal fire / by Lawrence G. Blochman.-- Dell Publishing company; c1937.-- (A Dell book ; 311).</t>
  </si>
  <si>
    <t>The story pocket book / edited by Whit Burnett.-- Pocket Book; 1944.-- (Pocket book ; 276).</t>
  </si>
  <si>
    <t>813.087/B93</t>
  </si>
  <si>
    <t>The complete short stories of Ambrose Bierce / compiled with commentary by Ernest Jerome Hopkins ; 1, 2.-- Ballantine books; 1971.-- (Ballantine books).</t>
  </si>
  <si>
    <t>813.4/B41/1</t>
  </si>
  <si>
    <t>813.4/B41/2</t>
  </si>
  <si>
    <t>Connoisseur's science fiction : an anthology / edited by Tom Boardman.-- Penguin; 1964.-- (Penguin books ; 2223).</t>
  </si>
  <si>
    <t>813.087/B61</t>
  </si>
  <si>
    <t>An ABC of science fiction / edited by Tom Boardman.-- Avon Books; 1968.-- (An avon books ; V2249).</t>
  </si>
  <si>
    <t>The silent partner / Anders Bodelsen ; translated from the Danish by David Hohnen.-- Penguin; 1978.-- (Penguin crime fiction).</t>
  </si>
  <si>
    <t>839.81/B61</t>
  </si>
  <si>
    <t>Hit and run, run, run / Anders Bodelsen ; translated from the Danish by C. Bly ; pbk.-- Penguin; 1971.</t>
  </si>
  <si>
    <t>One down / by Anders Bodelsen ; Translated from the Danish by Carolyn Bly.-- Popular library; c1970.</t>
  </si>
  <si>
    <t>Cool, hot and blue : a history of jazz for young people / Charles Boeckman.-- Washington square press; 1970.</t>
  </si>
  <si>
    <t>781.5/B62</t>
  </si>
  <si>
    <t>Les Visages de l'ombre : roman / Boileau-Narcejac.-- Denoël; c1953.-- (Le Livre de poche ; policier 2632).</t>
  </si>
  <si>
    <t>Le mauvais oeil ; suivi de, Au bois dormant / Boileau-Narcejac.-- Denoël; 1972, c1956.-- (Collection Folio ; 32).</t>
  </si>
  <si>
    <t>Les magiciennes / Boileau-Narcejac.-- Denoël; [1972], c1957.-- (Collection Folio ; 178).</t>
  </si>
  <si>
    <t>943.91/B62</t>
  </si>
  <si>
    <t>A cœur perdu : meurtre en 45 tours / Boileau-Narcejac.-- Denoël; 1972,c1959.-- (Collection Folio ; 197).</t>
  </si>
  <si>
    <t>The sorcerer's ship / Hannes Bok ; introduction by Lin Carter.-- Ballantine books; 1969.-- (Adult fantasy ).</t>
  </si>
  <si>
    <t>813.5/B63</t>
  </si>
  <si>
    <t>Mack Bolan : The new war / Don Pendleton.-- Worldwide; 1981.-- (A Gold Eagle book).</t>
  </si>
  <si>
    <t>813.5/P37</t>
  </si>
  <si>
    <t>Le poisson chinois a tué Hitler / Jean Bommart.-- Le Livre de poche; c1972.-- (Le Livre de poche ; policier 3332).</t>
  </si>
  <si>
    <t>843.91/B63</t>
  </si>
  <si>
    <t>La dame de Valparaiso / Jean Bommart.-- Le Livre de poche; c1972.-- (Le Livre de poche ; policier 3429).</t>
  </si>
  <si>
    <t>Le train blindé no 4  / Jean Bommart.-- Le Livre de poche; c1970.-- (Le Livre de poche ; policier 2834).</t>
  </si>
  <si>
    <t>Baataille pour Arkhangelsk / Jean Bommart.-- Le Livre de poche; c1970.-- (Le Livre de poche ; policier 2792).</t>
  </si>
  <si>
    <t>A rope of sand : A mystery / Francis Bonnamy.-- Penguin; 1964, c1944.-- (Penguin books ; 606).</t>
  </si>
  <si>
    <t>813.5/B64</t>
  </si>
  <si>
    <t>The king is dead on queen street / by Francis Bonnamy.-- Editions for the Armed Services; c1945.-- (Armed services editions ; 1025).</t>
  </si>
  <si>
    <t>The Aleph and other stories, 1933-1969 : together with commentaries and an autobiographical essay / Jorge Luis Borges ; edited and translated by Norman Thomas di Giovanni, in collaboration with the author.-- Pan Books; 1973.-- (Picador).</t>
  </si>
  <si>
    <t>863.6/B65</t>
  </si>
  <si>
    <t>Doctor Brodie's report / Jorge Luis Borges ; translated by Norman Thomas di Giovanni in collaboration with the author.-- Bantam Books; 1973, c1970.-- (Bantam books ; fiction Y7765).</t>
  </si>
  <si>
    <t>The case of the hook-billed kites / J.S. Borthwick ; pbk..-- Penguin Books; 1983, c1982.-- (Penguin crime fiction).</t>
  </si>
  <si>
    <t>813.5/B65</t>
  </si>
  <si>
    <t>Murder at the Cheatin' Heart Motel / Art Bourgeau.-- Charter Books; c1985.</t>
  </si>
  <si>
    <t>The Elvis murders / Art Bourgeau.-- Charter Books; c1985.</t>
  </si>
  <si>
    <t>The compleat werewolf / Anthony Boucher.-- Sphere Books; 1971, c1969.</t>
  </si>
  <si>
    <t>Rocket to the morgue / by Anthony Boucher.-- Dell Publishing ; c1942.-- (Dell Book ; 591).</t>
  </si>
  <si>
    <t>The case of the seven  sneezes  / by Anthony Boucher.-- Dell Publishing ; c1942.-- (Dell Book ; 334).</t>
  </si>
  <si>
    <t>The case of the crumpled knave / Anthony Boucher.-- Pyramid books; 1967.</t>
  </si>
  <si>
    <t>The case of the solid key / Anthony Boucher.-- Pyramid books; 1968.</t>
  </si>
  <si>
    <t>The case of the solid key / Anthony Boucher.-- Pyramid books; 1966.</t>
  </si>
  <si>
    <t>The case of the seven of Calvary / Anthony Boucher.-- Cpllier bboks; 1961.-- (Collier books mystery ; AS97).</t>
  </si>
  <si>
    <t>The case of the Baker street irregulars / Anthony Boucher.-- Collier books; 1962.-- (Collier books ; AS147).</t>
  </si>
  <si>
    <t>Beyond the golden stair / Hannes Bok ; with an introduction by Lin Carter.-- Ballantine books; 1970.</t>
  </si>
  <si>
    <t>Murder wears mukluks / by Eunice Mays Boyd.-- Dell; c1945.</t>
  </si>
  <si>
    <t>813.5/B69</t>
  </si>
  <si>
    <t>The Fantastic imagination : an anthology of high fantasy / edited by Robert H. Boyer &amp; Kenneth J. Zahorski.-- Avon; c1977.</t>
  </si>
  <si>
    <t>823.087/B69</t>
  </si>
  <si>
    <t>The Fantastic imagination II : an anthology of high fantasy / edited by Robert H. Boyer &amp; Kenneth J. Zahorski.-- Avon; 1978.</t>
  </si>
  <si>
    <t>823.087/B69/2</t>
  </si>
  <si>
    <t>Death in the fifth position / by Edgar Box.-- Four Square; 1965.-- (A four square book ; 1249).</t>
  </si>
  <si>
    <t>813.5/B68</t>
  </si>
  <si>
    <t>Death in the fifth position / by Edgar Box.-- Bantam book; 1972.-- (A bantam book mystery).</t>
  </si>
  <si>
    <t>Death in the fifth position / by Edgar Box.-- New American Library; c1952.-- (A Signet book ; 1036).</t>
  </si>
  <si>
    <t>Death beffore bedtime / by Edgar Box.-- Bantam book; c1953.-- (A bantam book mystery ; 95C).</t>
  </si>
  <si>
    <t>The wonderful ice cream suit / by Ray Bradbury.-- Bantam book; 1972.-- (A bantam pathfinder edition ; 75C).</t>
  </si>
  <si>
    <t>813.5/B71</t>
  </si>
  <si>
    <t>I sing the body electric! / by Ray Bradbury.-- Bantam book; 1971.-- (A bantam science fiction ; 95C).</t>
  </si>
  <si>
    <t>The vintage Bradbury.-- Vintage Books; 1965.</t>
  </si>
  <si>
    <t>A memory of murder / Ray Bradbury.-- Dell; c1984.-- (Dell fic).</t>
  </si>
  <si>
    <t>The Martin Chronicles / by Ray Bradbury.-- Bantam book; 1951.-- (A bantam book ; 886).</t>
  </si>
  <si>
    <t>The golden apples of the sun / by Ray Bradbury.-- Bantam book; 1954.-- (A bantam book giant ; A1241).</t>
  </si>
  <si>
    <t>Bloch and Bradbury / Ray Bradbury, Robert Bloch.-- A Tower book; 1969.-- (A tower book ; 43-246).</t>
  </si>
  <si>
    <t>Pillar of fire and other plays / by Ray Bradbury.-- Bantam book; 1975.-- (A bantam book drama ; N2173).</t>
  </si>
  <si>
    <t>812.5/B71</t>
  </si>
  <si>
    <t>Trout fishing in America : a novel / by Richard Brautigan.-- Dell Pub.; c1967.</t>
  </si>
  <si>
    <t>In watermelon sugar / Richard Brautigan.-- Dell; c1968.-- (Writing 21).</t>
  </si>
  <si>
    <t>Rommel drives on deep into Egypt / Richard Brautigan.-- Dell; c1970.-- (Dell).</t>
  </si>
  <si>
    <t>811.5/B71</t>
  </si>
  <si>
    <t>The pill versus the springhill mine disaster / Richard Brautigan.-- Dell; c1968.-- (Dell ; 6956-95C).</t>
  </si>
  <si>
    <t>The planet savers / Marion Zimmer Bradley.-- Ace books; c1976.</t>
  </si>
  <si>
    <t>A bullet in the ballet / by Caryl Brahms and S.J. Simon.-- Penguin Books; 1942.-- (Penguin books ; 377).</t>
  </si>
  <si>
    <t>Kai Lung's golden hours / by Ernest Bramah.-- Ballantine; 1972.</t>
  </si>
  <si>
    <t>Murder in the family / Marc Brandel.-- Avon books; c1985.</t>
  </si>
  <si>
    <t>The cat who turned on and off / Lilian Jackson Braun.-- Jove; 1986.</t>
  </si>
  <si>
    <t>Wilders walk away / by Herbert Brean.-- Pocket book; 1949.</t>
  </si>
  <si>
    <t>Hardly a man is now alive / by Herbert Brean.-- Dell; c1950.</t>
  </si>
  <si>
    <t>Timeless stories for today and tomorrow / edited by Ray Bradbury.-- Bantam Books; 1952.</t>
  </si>
  <si>
    <t>813.087/B71</t>
  </si>
  <si>
    <t>Le Rouge est mis / Auguste Le Breton.-- Gallimard; c1954.-- (Le Livre de poche ; policier 3197).</t>
  </si>
  <si>
    <t>843.91/L46</t>
  </si>
  <si>
    <t>Du rififi chez les hommes / Auguste Le Breton.-- Gallimard; c1953.-- (Le Livre de poche ; policier 2856).</t>
  </si>
  <si>
    <t>So much blood / Simon Brett.-- Keyhole Crime; 1981, c1976.-- (Keyhole Crime  ; 4).</t>
  </si>
  <si>
    <t>823.91/B72</t>
  </si>
  <si>
    <t>Not dead, only resting / Simon Brett.-- Futura; 1985, c1984.</t>
  </si>
  <si>
    <t>A taste for sin / Gil Brewer.-- Berkley Pub. Corp.; 1961.-- (Berkley medallion book ; G509).</t>
  </si>
  <si>
    <t>The castle of darkness / J.H. Brennan ; illustrated by John Higgins. ; pbk.-- Armada Original; 1984.-- (Grail quest ; 1).</t>
  </si>
  <si>
    <t>793.9/B72/1</t>
  </si>
  <si>
    <t>The den of Dragons / J.H. Brennan ; illustrated by John Higgins. ; pbk.-- Armada Original; 1984.-- (Grail quest ; 2).</t>
  </si>
  <si>
    <t>793.9/B72/2</t>
  </si>
  <si>
    <t>Through time and space with Ferdinand Feghoot : the first forty-five Feghoot adventures with five more never previously heard of / by Grendel Briarton.-- Paradox Press; 1962.</t>
  </si>
  <si>
    <t>Victorian people : a reassessment of persons and themes, 1851-67 / Asa Briggs.-- Penguin Books; 1965, c1955.-- (Pelican books).</t>
  </si>
  <si>
    <t>941.08/B73</t>
  </si>
  <si>
    <t>Just around the coroner / by Stuart Brock.-- Dell Publishing ; c1948.-- (Dell Book ; 337).</t>
  </si>
  <si>
    <t>813.5/Tr5</t>
  </si>
  <si>
    <t>The strange case of Miss Annie Spragg / Louis Bromfield.-- Penguin; 1935.-- (Penguin books ; 19).</t>
  </si>
  <si>
    <t>813.5/B75</t>
  </si>
  <si>
    <t>The dumdum murder / [Carter Brown].-- New American Library of World Literature ; c1962.-- (The Carter Brown mystery series).</t>
  </si>
  <si>
    <t>The lady is available / [Carter Brown].-- New American Library of World Literature ; 1963, c1962.-- (The Carter Brown mystery series).</t>
  </si>
  <si>
    <t>The white bikini / [Carter Brown].-- New American Library of World Literature ; c1963.-- (The Carter Brown mystery series).</t>
  </si>
  <si>
    <t>The girl who was possessed / [Carter Brown].-- New American Library of World Literature ; c1963.-- (The Carter Brown mystery series).</t>
  </si>
  <si>
    <t>Charlie sent me! / [Carter Brown].-- New American Library of World Literature ; c1963.-- (The Carter Brown mystery series).</t>
  </si>
  <si>
    <t>The wind-up doll / [Carter Brown].-- New American Library of World Literature ; c1964.-- (The Carter Brown mystery series).</t>
  </si>
  <si>
    <t>The dance of death / [Carter Brown].-- New American Library of World Literature ; c1964.-- (The Carter Brown mystery series).</t>
  </si>
  <si>
    <t>The never-was girl / [Carter Brown].-- New American Library of World Literature ; c1964.-- (The Carter Brown mystery series).</t>
  </si>
  <si>
    <t>The velvet vixen / [Carter Brown].-- New American Library of World Literature ; c1964.-- (The Carter Brown mystery series).</t>
  </si>
  <si>
    <t>Bump and grind murders / [Carter Brown].-- New American Library of World Literature ; c1964.-- (The Carter Brown mystery series).</t>
  </si>
  <si>
    <t>The dream is deadly : The savage salome  / by Carter Brown.-- New American Library ; 1981.-- (A Signet book ; E9776).</t>
  </si>
  <si>
    <t>Paradox lost, and twelve other great science fiction stories / Fredric Brown.-- Berkley Pub. Corp.; 1974, c1973.-- (Berkley medallion book ; N2656).</t>
  </si>
  <si>
    <t>We all killed Grandma / by Fredric Brown.-- Bantam Books; 1953, c1952.-- (Bantam books ; 1176).</t>
  </si>
  <si>
    <t>The deep end / by Fredric Brown.-- Bantam Books; 1954, c1952.-- (Bantam books ; 1215).</t>
  </si>
  <si>
    <t>The dead ringer / by Fredric Brown.-- Bantam Books; 1949, c1948.-- (Bantam books ; 1216).</t>
  </si>
  <si>
    <t>Martians, go home / Fredric Brown.-- Bantam Books; 1956, c1955.-- (Bantam books ; A1546).</t>
  </si>
  <si>
    <t>The fabulous clipjoint / by Frederic Brown.-- Bantam Books; 1948, c1947.-- (Bantam books ; 302).</t>
  </si>
  <si>
    <t>A plot for murder / by Fredric Brown.-- Bantam Books; 1949.-- (Bantam books ; 735).</t>
  </si>
  <si>
    <t>Here comes a candle / by Fredric Brown.-- Bantam Books; 1951, c1950.-- (Bantam books ; 943).</t>
  </si>
  <si>
    <t>Death has many doors / by Fredric Brown.-- Bantam Books; 1952, c1951.-- (Bantam books ; 1040).</t>
  </si>
  <si>
    <t>Science-fiction carnival : fun in science-fiction / edited, and with introductions by Fredric Brown and Mack Reynolds.-- Bantam Books; 1957, c1953.-- (Bantam books ; A1615).</t>
  </si>
  <si>
    <t>813.087/B77</t>
  </si>
  <si>
    <t>Unfinished symphonies : voices from the beyond / Rosemary Brown ; pbk.-- Pan Books; 1973.</t>
  </si>
  <si>
    <t>133.9/B77</t>
  </si>
  <si>
    <t>The last quarter hour / by Jean Bruce ; translated from the French by Lowell Bair.-- Fawcett Publications; 1965, c1955.-- (Crest book ; k795).</t>
  </si>
  <si>
    <t>843.91/B78</t>
  </si>
  <si>
    <t>Trouble in Tokyo / by Jean Bruce ; translated from the French by Lowell Bair.-- Fawcett Publications; 1965, c1958.-- (Crest book ; k806).</t>
  </si>
  <si>
    <t>Trouble in Tokyo / Jean Bruce ; translated from the french by Lowell Bair.-- Fawcett Publications; c1965.-- (Crest book ; k806).</t>
  </si>
  <si>
    <t>Case with no conclusion / by Leo Bruce ; pbk..-- Academy Chicago; 1984, c1939.</t>
  </si>
  <si>
    <t>Death in Albert Park / Leo Bruce ; pbk..-- Academy Chicago; 1983, c1964.</t>
  </si>
  <si>
    <t>A bone and a hank of hair / by Leo Bruce ; pbk..-- Academy Chicago; 1985.</t>
  </si>
  <si>
    <t>Nothing like blood / by Leo Bruce ; pbk..-- Academy Chicago Publishers; 1985, c1962.</t>
  </si>
  <si>
    <t>Furious old women / by Leo Bruce ; pbk.-- Academy Chicago; 1983, c1960.</t>
  </si>
  <si>
    <t>Our jubilee is death / by Leo Bruce ; pbk..-- Academy Chicago; 1986, c1959.</t>
  </si>
  <si>
    <t>Such is death / by Leo Bruce ; pbk..-- Academy Chicago Publishers; 1986, c1963.</t>
  </si>
  <si>
    <t>Jack on the gallows tree / by Leo Bruce.-- Academy Chicago; 1983, c1960.</t>
  </si>
  <si>
    <t>Death of a commuter / by Leo Bruce.-- Academy Chicago Publishers; 1988, c1967.-- (A Carolus Deene mystery).</t>
  </si>
  <si>
    <t>Case for Sergeant Beef / by Leo Bruce ; pbk..-- Academy Chicago; 1980, c1951.</t>
  </si>
  <si>
    <t>Case with ropes &amp; rings / by Leo Bruce ; pbk.-- Academy Chicago; 1980, c1949.</t>
  </si>
  <si>
    <t>Cold blood / by Leo Bruce ; pbk..-- Academy Chicago; 1980, c1952.</t>
  </si>
  <si>
    <t>Murder in Majorca / by Michael Bryan.-- Dell; c1957.-- (A Dell first edition ; A145).</t>
  </si>
  <si>
    <t>813.5/Mo39</t>
  </si>
  <si>
    <t>Blacklash  / John Brunner.-- Pyramid; c1969.-- (Pyramid spy thriller ; T-2107).</t>
  </si>
  <si>
    <t>823.91/B78</t>
  </si>
  <si>
    <t>Wear the Butchers' medal / John Brunner.-- Pocket book; c1965.</t>
  </si>
  <si>
    <t>The whole man / John Brunner.-- Ballantine Books; c1964.-- (Ballantine Books  ; 23437).</t>
  </si>
  <si>
    <t>Casebook of a crime psychiatrist / by James A. Brussel M.D..-- Mayflower books; 1970.</t>
  </si>
  <si>
    <t>364.973/B78</t>
  </si>
  <si>
    <t>John Macnab / John Buchan.-- Hodder and Stoughton; 1967.</t>
  </si>
  <si>
    <t>A murder of crows / Patrick Buchanan.-- Pyramid; 1972.</t>
  </si>
  <si>
    <t>813.5/B81</t>
  </si>
  <si>
    <t>The mountain and the valley / by Ernest Buckler.-- The New American library; 1952.-- (Signet giant ; S1090).</t>
  </si>
  <si>
    <t>A clockwork orange / Anthony Burgess.-- Ballantine Books; c1963.</t>
  </si>
  <si>
    <t>823.91/B92</t>
  </si>
  <si>
    <t>Tremor of intent / Anthony Burgess.-- Ballantine books; c1966.</t>
  </si>
  <si>
    <t>The Hammer horror film omnibus / John Burke.-- Pan Books; c1966.</t>
  </si>
  <si>
    <t>More tales of unease / edited by John Burke.-- Pan Books; 1969.</t>
  </si>
  <si>
    <t>823.087/B92</t>
  </si>
  <si>
    <t>Tales of unease / Edited by John Burke.-- Pan; c1966.</t>
  </si>
  <si>
    <t>Wycliffe and the four jacks / by W.J. Burley.-- Avon books; c1985.</t>
  </si>
  <si>
    <t>Little Caesar / by W. R. Burnett.-- Bantam books; 1959.</t>
  </si>
  <si>
    <t>813.5/B93</t>
  </si>
  <si>
    <t>Conant / W. R. Burnett.-- Poular library; 1961.-- (Popular giant ; G538).</t>
  </si>
  <si>
    <t>High Sierra / W. R. Burnett.-- Kensington; c1940.-- (Zebra mystery).</t>
  </si>
  <si>
    <t>Nova express / William Burroughs.-- Panther; 1968.-- (Panther science fiction).</t>
  </si>
  <si>
    <t>The milk-churn murder / by Miles Burton.-- The Albatross; c1936.-- (The albatoross crime club ; 150).</t>
  </si>
  <si>
    <t>823.91/B94</t>
  </si>
  <si>
    <t>The case of the tudor queen / Christopher Bush.-- Penguin ; 1953.-- (Penguin Books ).</t>
  </si>
  <si>
    <t>823.91/B95</t>
  </si>
  <si>
    <t>U-boats at war / by Harald Busch ; Translated from the German by L.P.R. Wilson.-- Ballantine Books; [1955].</t>
  </si>
  <si>
    <t>940.54/B95</t>
  </si>
  <si>
    <t>The Sherlock Holmes IQ book / Eamonn Butler and Madsen Pirie ; puzzles supplied by Mensa.-- Pan Books; 1995.</t>
  </si>
  <si>
    <t>793.7/B96</t>
  </si>
  <si>
    <t>Take only as directed / James Byrom.-- Penguin ; 1964.-- (Penguin books ; C2126).</t>
  </si>
  <si>
    <t>823.91/B99</t>
  </si>
  <si>
    <t>Or be he dead / James Byrom.-- Penguin ; 1964.-- (Penguin books ; C1609).</t>
  </si>
  <si>
    <t>And then there were nine-- more women of mystery / Jane S. Bakerman ; pbk..-- Bowling Green State University Popular Press; c1985.</t>
  </si>
  <si>
    <t>813.0872/B15</t>
  </si>
  <si>
    <t>The seeker / William Alan Bales.-- McGraw-Hill; c1976.</t>
  </si>
  <si>
    <t>Beacon in the night / Bill S. Ballinger.-- Harper &amp; Brothers; c1958.</t>
  </si>
  <si>
    <t>The longest second / Bill S. Ballinger.-- Harper &amp; Brothers; c1957.</t>
  </si>
  <si>
    <t>Triptych / Bill S. Ballinger.-- Sherbourne Press ; c1971.</t>
  </si>
  <si>
    <t>Scénes de la vie privée / H. de Balzac ; Tome 1 - tome 4.-- La bibliophiles de l'Originale; 1965.-- (Œuvres complètes de M. de Balzac / Honoré de Balzac ; La comédie humaine ; Vol.1-4).</t>
  </si>
  <si>
    <t>843.7/B16/1</t>
  </si>
  <si>
    <t>843.7/B16/2</t>
  </si>
  <si>
    <t>843.7/B16/3</t>
  </si>
  <si>
    <t>843.7/B16/4</t>
  </si>
  <si>
    <t>Scènes de la vie de province / Honoré de Balzac ; Tome 1 - Tome 4.-- Les bibliophiles de l'originales; 1965-1966.-- (Œuvres complètes de M. de Balzac / Honoré de Balzac ; La comédie humaine ; Vol.5-8).</t>
  </si>
  <si>
    <t>843.7/B16/5</t>
  </si>
  <si>
    <t>843.7/B16/6</t>
  </si>
  <si>
    <t>843.7/B16/7</t>
  </si>
  <si>
    <t>843.7/B16/8</t>
  </si>
  <si>
    <t>Scénes de la vie parisienne / Honoré de Balzac ; Tome 1 - [Tome 4].-- Les bibliophiles de l'originales; 1966-1968.-- (Œuvres complètes de M. de Balzac / Honoré de Balzac ; La  comédie humaine ; Vol.9-11,17).</t>
  </si>
  <si>
    <t>843.7/B16/9</t>
  </si>
  <si>
    <t>843.7/B16/10</t>
  </si>
  <si>
    <t>843.7/B16/11</t>
  </si>
  <si>
    <t>Scénes de la vie parisienne et Scénes de la vie politique / Honoré de Balzac.-- Bbibliophiles de l'originale; 1967.-- (Œuvres complètes de M. de Balzac / Honoré de Balzac ; La comédie  humaine ; Vol.12).</t>
  </si>
  <si>
    <t>843.7/B16/12</t>
  </si>
  <si>
    <t>Scénes de la vie militaire et scéne de la vie de campagne / Honoré de Balzac.-- Les bibliophiles de l'originale; 1967.-- (Œuvres complètes de M. de Balzac / Honoré de Balzac ; La  comédie humaine ; Vol.13).</t>
  </si>
  <si>
    <t>843.7/B16/13</t>
  </si>
  <si>
    <t>Études philosophiques / Honoré de Balzac ; Tome 1, [Tome 2].-- Les bibliophiles de l'originale; 1967.-- (Œuvres complètes de M. de Balzac / Honoré de Balzac ; La  comédie humaine ; Vol.14,15).</t>
  </si>
  <si>
    <t>843.7/B16/14</t>
  </si>
  <si>
    <t>843.7/B16/15</t>
  </si>
  <si>
    <t>Études philosophiques et études analytiques / Honoré de Balzac.-- Les bibliophiles de l'originale; 1967.-- (Œuvres complètes de M. de Balzac / Honoré de Balzac ; La  comédie humaine ; Vol.16).</t>
  </si>
  <si>
    <t>843.7/B16/16</t>
  </si>
  <si>
    <t>843.7/B16/17</t>
  </si>
  <si>
    <t>Scènes de la vie parisienne, scènes de la vie politique et scènes de la vie de campagne / Honoré de Balzac.-- Les bibliophiles de l'originale; 1968.-- (Œuvres complètes de M. de Balzac / Honoré de Balzac ; La comédie humaine ; Vol.18).</t>
  </si>
  <si>
    <t>843.7/B16/18</t>
  </si>
  <si>
    <t>Études analytiques, èbauches pour la comédie humaine et préfaces de la comédie humaine / Honoré de Balzac.-- Les Bibliophiles de l'Originale; 1968.-- (Œuvres complètes de M. de Balzac / Honoré de Balzac ; La comédie humaine ; Vol.19).</t>
  </si>
  <si>
    <t>843.7/B16/19</t>
  </si>
  <si>
    <t>Les cent contes drolatiques / Honoré de Balzac.-- Bibliophiles de l'originale; 1969.-- (Œuvres complètes de M. de Balzac / Honoré de Balzac ; 20).</t>
  </si>
  <si>
    <t>843.7/B16/20</t>
  </si>
  <si>
    <t>Théâtre / Honoré de Balzac ; 1, 2, 3.-- Bibliophiles de l'originale; 1969.-- (Œuvres complètes de M. de Balzac / Honoré de Balzac ; Vol. 21-23).</t>
  </si>
  <si>
    <t>843.7/B16/21</t>
  </si>
  <si>
    <t>843.7/B16/22</t>
  </si>
  <si>
    <t>843.7/B16/23</t>
  </si>
  <si>
    <t>Romans et contes / Honoré de Balzac ; [1], 2.-- Bibliophiles de l'originale; 1972.-- (Œuvres complètes de M. de Balzac / Honoré de Balzac ; Vol. 24-25).</t>
  </si>
  <si>
    <t>843.7/B16/24</t>
  </si>
  <si>
    <t>843.7/B16/25</t>
  </si>
  <si>
    <t>Fantaisies et œuvres historiques.-- Bibliophiles de l'originale; 1976.-- (Œuvres complètes de M. de Balzac / Honoré de Balzac ; Vol. 26).</t>
  </si>
  <si>
    <t>843.7/B16/26</t>
  </si>
  <si>
    <t>Lettres à Madame Hanska / Honoré de Balzac ; Tome 1 - Tome 4.-- Les Bibliophiles de l'originale; 1967-1971.-- (Œuvres complètes de M. de Balzac / Honoré de Balzac ; [Vol.27-30]).</t>
  </si>
  <si>
    <t>843.7/B16/27</t>
  </si>
  <si>
    <t>843.7/B16/28</t>
  </si>
  <si>
    <t>843.7/B16/29</t>
  </si>
  <si>
    <t>843.7/B16/30</t>
  </si>
  <si>
    <t>L'œuvre fantastique de Balzac : sources et philosophie / Marie-Claude Amblard.-- Didier; 1972.-- (Études de littérature étrangère et comparée).</t>
  </si>
  <si>
    <t>843.7/B16/a</t>
  </si>
  <si>
    <t>Balzac / [by] V. S. Pritchett.-- Chatto &amp; Windus; 1973.</t>
  </si>
  <si>
    <t>843.7/B16/p</t>
  </si>
  <si>
    <t>La France fantastique de Balzac à Louÿs / anthologie établie et présentée par Jean-Baptiste Baronian ; œuvres de Asselineau, Balzac, Berlioz ... [et al.] ; [choisies et présentées par Jean-Baptiste Baronian].-- Gérard &amp; Co.; c1973.-- (Marabout).</t>
  </si>
  <si>
    <t>843.7/B23</t>
  </si>
  <si>
    <t>10 women of mystery / [edited by] Earl F. Bargainnier.-- Bowling Green State University Popular Press; c1981.</t>
  </si>
  <si>
    <t>823.0872/B21</t>
  </si>
  <si>
    <t>Unruly son / Robert Barnard.-- Collins ; 1978.</t>
  </si>
  <si>
    <t>Posthumous papers / Robert Barnard.-- Collins ; 1979.</t>
  </si>
  <si>
    <t>A talent to deceive : an appreciation of Agatha Christie / Robert Barnard.-- Collins; 1980.</t>
  </si>
  <si>
    <t>Best detective fiction : a guide from Godwin to the present / Melvyn Barnes ; 0851572057.-- C. Bingley.</t>
  </si>
  <si>
    <t>823.0872/B23</t>
  </si>
  <si>
    <t>Anatomy of wonder : science fiction / [edited by] Neil Barron.-- R.R. Bowker; 1976.-- (Bibliographic guides for contemporary collections).</t>
  </si>
  <si>
    <t>809.387/B24</t>
  </si>
  <si>
    <t>A catalogue of crime / Jacques Barzun &amp; Wendell Hertig Taylor.-- 2nd impression corr.-- Harper &amp; Row; 1971.</t>
  </si>
  <si>
    <t>809.387/B25</t>
  </si>
  <si>
    <t>Spies break through : memoirs of a German secret service officer / by Lieut. A. Bauermeister ("Agricola") translated and introduced by Hector C. Bywater ... with twelve illustrations.-- Constable &amp; co., ltd.; 1934.</t>
  </si>
  <si>
    <t>940.4/B28</t>
  </si>
  <si>
    <t>Iris : a memoir of Iris Murdoch / John Bayley.-- Abacus; 2002.</t>
  </si>
  <si>
    <t>823.91/B29</t>
  </si>
  <si>
    <t>Vathek : an Arabian tale, 1786 / William Beckford ; [translated from the French by Samuel Henley].-- Scolar Press; 1971.</t>
  </si>
  <si>
    <t>The inn of the cats : and other stories / by Gustavo A. Bécquer ; translated by J.R. Carey.-- G.G. Harrap; [1943].-- (Bilingual series).</t>
  </si>
  <si>
    <t>863.5/B31</t>
  </si>
  <si>
    <t>Death walks in Eastrepps / by Francis Beeding ....-- The Mystery league, inc.; 1931.</t>
  </si>
  <si>
    <t>Death walks in Eastrepps / Francis Beeding ; pbk..-- Dover Publications; 1980, c1931.</t>
  </si>
  <si>
    <t>Who is Teddy Villanova? / Thomas Berger.-- Delacorte Press; c1977.</t>
  </si>
  <si>
    <t>Death of a con man / Josephine Bell.-- Hodder &amp; Stoughton; 1968.-- (King crime).</t>
  </si>
  <si>
    <t>The bowler's manual / Lou Bellisimo.-- 2nd ed.-- Prentice-Hall; c1969.</t>
  </si>
  <si>
    <t>794/B33</t>
  </si>
  <si>
    <t>Art in crime writing : essays on detective fiction / edited by Bernard Benstock ; est..-- St. Martin's Press; 1983.</t>
  </si>
  <si>
    <t>809.387/B35</t>
  </si>
  <si>
    <t>The huntress is dead : a Wade Paris mystery / by Ben Benson.-- M. S. Mill Co. and W. Morrow; 1960.</t>
  </si>
  <si>
    <t>The Brontës / by Phyllis Bentley.-- Folcroft Library Editions; 1975.-- (The English novelists).</t>
  </si>
  <si>
    <t>823.809/B75/b</t>
  </si>
  <si>
    <t>The second shot / Anthony Berkeley.-- The Crime Club; 1930.</t>
  </si>
  <si>
    <t>Death in the house / Anthony Berkeley.-- The Crime Club ; 1939.</t>
  </si>
  <si>
    <t>Best crime stories.-- Faber and Faber; 1966-.</t>
  </si>
  <si>
    <t>823.0872/B39</t>
  </si>
  <si>
    <t>Best detective stories : second series / with an introduction.-- New ed.-- Faber and Faber; 1933.</t>
  </si>
  <si>
    <t>The events of that week / Nicolas Bentley.-- Collins; 1972.</t>
  </si>
  <si>
    <t>Lands beyond / by L. Sprague de Camp , Willey Ley.-- Rinehart; c1952.</t>
  </si>
  <si>
    <t>398.2/D51</t>
  </si>
  <si>
    <t>In the midst of life : tales of soldiers and civilians / by Ambrose Bierce.-- Chatto &amp; Windus; 1930.-- (The Phoenix library).</t>
  </si>
  <si>
    <t>The devil's dictionary / Ambrose Bierce.-- Dover; 1958.</t>
  </si>
  <si>
    <t>818.4/B41</t>
  </si>
  <si>
    <t>The complete short stories of Ambrose Bierce / Compiled with commentary by Ernest Jerome Hopkins.-- Doubleday; 1970.</t>
  </si>
  <si>
    <t>The Agony column : the second floor mystery / by Earl Derr Biggers.-- Grosset &amp; Dunlap; c1916.</t>
  </si>
  <si>
    <t>A dragon for christmas / by Gavin Black.-- Collins; 1963.-- (A collins thriller).</t>
  </si>
  <si>
    <t>Blow the house down / John Blackburn.-- Jonathan Cape; c1970.</t>
  </si>
  <si>
    <t>The best supernatural tales of Algernon Blackwood / introduction by Felix Morrow.-- Causeway Books; c1973.</t>
  </si>
  <si>
    <t>Tales of the mysterious and macabre / by ALgernon Blackwood.-- Spring books; 1967.</t>
  </si>
  <si>
    <t>The dreadful hollow / Nicholas Blake.-- Harper &amp; brothers; c1953.</t>
  </si>
  <si>
    <t>The secret of the Stratemeyer Syndicate : Nancy Drew, the Hardy Boys, and the million dollar fiction factory / Carol Billman.-- Ungar; c1986.-- (Recognitions).</t>
  </si>
  <si>
    <t>813.5/B43</t>
  </si>
  <si>
    <t>My name is Michael Sibley / by John Bingham.-- Victor Gollancz; 1972.</t>
  </si>
  <si>
    <t>The lost city / By John Blaine.-- Grosset &amp; Dunlap; c1947.-- (A Rick Brant electronic adventure).</t>
  </si>
  <si>
    <t>813.5/G65</t>
  </si>
  <si>
    <t>The golden skull / By John Blaine.-- Grosset &amp; Dunlap; c1954.-- (A Rick Brant electronic adventure).</t>
  </si>
  <si>
    <t>Ghost stories and mysteries / J. S. LeFanu ; selected and edited by E. F. Bleiler.-- Dover Publications; 1975.</t>
  </si>
  <si>
    <t>823.8/L46</t>
  </si>
  <si>
    <t>The castle of Otranto : Vathek : The vampyre / by Horace Walpole, by William Beckford, by John Polidori and a fragment of a novel  by Lord Byron ; Edited by E. F. Bleiler.-- Dover Publications; c1966.</t>
  </si>
  <si>
    <t>823.087/B56</t>
  </si>
  <si>
    <t>Five Victorian ghost novels / edited with an introd. by E. F. Bleiler.-- Dover Publications; c1971.</t>
  </si>
  <si>
    <t>Night-world / Robert Bloch.-- The Dial press; 1947.</t>
  </si>
  <si>
    <t>The Martian chronicles / Biographical sketch and bibliography of Ray Bradbury's books and stories by William F. Nolan. Illus. by Karel Thole.-- Doubleday; c1973.</t>
  </si>
  <si>
    <t>The Halloween tree / Ray Bradbury ; illustrated by Joseph Mugnaini.-- Hart-Davis MacGibbon; 1973.</t>
  </si>
  <si>
    <t>Freezing down / Anders Bodelsen ; Translated from the Danish by Joan Tate.-- Happer &amp; Row; c1971.</t>
  </si>
  <si>
    <t>Le second visage d'Arsene Lupin / Boileau-Narcejac.-- Librairie des Champs-Élysées; c1975.</t>
  </si>
  <si>
    <t>Opération primevére / Boileau-Narcejac.-- Denoël; c1973.</t>
  </si>
  <si>
    <t>Usurpation D'identite / Boileau-Narcejac.-- Hachette; c1980.</t>
  </si>
  <si>
    <t>The Lord Peter Wimsey cookbook / Elizabeth Bond Ryan and William J. Eakins ; drawings by Francesca Greene.-- Ticknor &amp; Fileds; 1981.</t>
  </si>
  <si>
    <t>641.59/R93</t>
  </si>
  <si>
    <t>James Bond in the cinema / by John Brosnan.-- Tantivy Press; c1972.</t>
  </si>
  <si>
    <t>791.437/B76</t>
  </si>
  <si>
    <t>Between you, me, and the gatepost / by Pat Boone.-- The world's work; 1962.</t>
  </si>
  <si>
    <t>301.08/B64</t>
  </si>
  <si>
    <t>The case of the seven of Calvary / Anthony Boucher.-- The Macmillan company; 1954.-- (Murder revisited series).</t>
  </si>
  <si>
    <t>Ray Bradbury : A novel by.-- Simon and Schuster; 1962.</t>
  </si>
  <si>
    <t>Lady Audley's secret / by Mary Elizabeth Braddon ; with a new introduction by Norman Donaldson.-- Dover; c1974.</t>
  </si>
  <si>
    <t>823.8/B71</t>
  </si>
  <si>
    <t>The annotated Gilbert and Sullivan / introduced and edited by Ian Bradley ; [v. 1], v. 2, v. 2 : U.S..-- Penguin Books; 1982-1984.-- (Penguin books).</t>
  </si>
  <si>
    <t>782.12/G44</t>
  </si>
  <si>
    <t>Death before bedtime / Edgar Box.-- William Heinemann; c1954.</t>
  </si>
  <si>
    <t>Death likes it hot / by Edgar Box.-- E. P. Dutton; c1954.-- (Guilt edged mystery).</t>
  </si>
  <si>
    <t>Three by Box : the complete mysteries of Edgar Box.-- Random House; c1978.</t>
  </si>
  <si>
    <t>813.5/B68/t</t>
  </si>
  <si>
    <t>The mystery lover's companion / Art Bourgeau.-- Crown; c1986.</t>
  </si>
  <si>
    <t>809.387/B67</t>
  </si>
  <si>
    <t>Green for danger / Christianna Brand.-- John Lane The Bodley Head; c1943.</t>
  </si>
  <si>
    <t>Cat and mouse / by Christianna Brand.-- Michael Joseph; 1952.-- (Avon pocket size books ; 385).</t>
  </si>
  <si>
    <t>Court of foxes / by Christianna Brand.-- Michael Joseph; c1969.</t>
  </si>
  <si>
    <t>The puzzle mountain / Gyles Brandreth.-- Penguin; 1981.</t>
  </si>
  <si>
    <t>793.7/B71</t>
  </si>
  <si>
    <t>The con game and "Yellow Kid" Weil : the autobiography of the famous con artist as told to W. T. Brannon.-- Dover Publications; 1974, c1948.</t>
  </si>
  <si>
    <t>364.1/W55</t>
  </si>
  <si>
    <t>What about murder? : a guide to books about mystery and detective fiction / by Jon L. Breen.-- Scarecrow Press; c1981.</t>
  </si>
  <si>
    <t>809.387/B72</t>
  </si>
  <si>
    <t>The Craft of science fiction : a symposium on writing science fiction and science fantasy / by Reginald Bretnor ... [et al.] ; edited by Reginald Bretnor.-- 1st ed.-- Harper &amp; Row; c1976.</t>
  </si>
  <si>
    <t>The office / by Fredric Brown.-- E. P. Dutton &amp; company; 1958.</t>
  </si>
  <si>
    <t>From these ashes : the complete short SF of Fredric Brown / edited by Ben Yalow.-- The NESFA Press; 2001.</t>
  </si>
  <si>
    <t>Sherlock Holmes and the mysterious friend of Oscar Wilde / Russell Brown.-- St. Martin's Press; c1988.</t>
  </si>
  <si>
    <t>Crime investigation, art or science? : patterns in a labyrinth : the proceedings of a conference for senior police investigators and their specialist colleagues held at Christ Church, Oxford, on 24 and 25 September 1982 with the purpose of seeking to identify pathways and patterns of developments in modern crime investigation / edited by Alistair R. Brownlie ; Cloth bound.-- Scottish Academic Press; 1984.</t>
  </si>
  <si>
    <t>363.2/B77</t>
  </si>
  <si>
    <t>Death at St. Asprey's School / Leo Bruce ; pbk..-- Academy Chicago; 1984, c1967.-- (A Carolus Deene mystery).</t>
  </si>
  <si>
    <t>Death with blue ribbon / Leo Bruce.-- London house &amp; Maxwell book; 1970.</t>
  </si>
  <si>
    <t>An annotated guide to the works of Dorothy L. Sayers / Robert B. Harmon and Margaret A. Burger.-- Garland Publishing; 1977.-- (Garland reference library of the humanities ; 80).</t>
  </si>
  <si>
    <t>823.91/Sa99/h</t>
  </si>
  <si>
    <t>Tremor of intent / Anthony Burgess.-- W. W. Norton &amp; Company; c1966.</t>
  </si>
  <si>
    <t>Le Placard / John Burningham.-- Flammarion; c1975.</t>
  </si>
  <si>
    <t>028.5/B93</t>
  </si>
  <si>
    <t>The Burroughs bestiary : an encyclopaedia of monsters and imaginary beings created by Edgar Rice Burroughs / by David Day ; illustrated by Eric Howley ; pbk.-- New English Library; 1978.</t>
  </si>
  <si>
    <t>813.5/B94/d</t>
  </si>
  <si>
    <t>Edgar Rice Burroughs : the man who created Tarzan / Irwin Porges ; Hulbert Burroughs, pictorial editor ; introduction by Ray Bradbury.-- New England Library; c1975.</t>
  </si>
  <si>
    <t>813.5/B94/p</t>
  </si>
  <si>
    <t>The secret of High Eldersham / by Miles Burton.-- The Mystery league; 1931.</t>
  </si>
  <si>
    <t>The little house / story and pictures by Virginia Lee Burton.-- Faber; 1967.</t>
  </si>
  <si>
    <t>028.5/B94</t>
  </si>
  <si>
    <t>The case of the extra grave / Christopher Bush.-- Macmillan; c1961.-- (A ludovic travers mystery novel).</t>
  </si>
  <si>
    <t>The case of the Russian cross : a Ludovic Travers mystery novel.-- Macmillan; 1957.-- (A ludovic travers mystery novel).</t>
  </si>
  <si>
    <t>The house at Akiya / William Butler.-- Charles Scribner's sons; c1969.</t>
  </si>
  <si>
    <t>813.5/B96</t>
  </si>
  <si>
    <t>Kungen I bild : en fyrtiårig Eriksgata genom Sverige / Redigerad av Lennart Bernadotte.-- [1948].</t>
  </si>
  <si>
    <t>920/G96/b</t>
  </si>
  <si>
    <t>Jealous woman / James M. Cain.-- Avon Novels; c1950.</t>
  </si>
  <si>
    <t>The postman always rings twice / James M. Cain.-- Pocket Books; c1934.</t>
  </si>
  <si>
    <t>The moth / James M. Cain.-- Transworld Publishers; 1968.-- (Corgi books ).</t>
  </si>
  <si>
    <t>Serenade / James M. Cain.-- The New American Library; 1937.-- (A signet book).</t>
  </si>
  <si>
    <t>Serenade / James M. Cain.-- Bantam books; 1966.-- (A Bantam fantasy).</t>
  </si>
  <si>
    <t>The postman always rings twice / James M. Cain.-- Vintage Books; 1978, c1934.</t>
  </si>
  <si>
    <t>Mildred Pierce / James M. Cain.-- Vintage Books; 1978, c1941.</t>
  </si>
  <si>
    <t>The butterfly / James M. Cain.-- Pan; 1981, c1946.</t>
  </si>
  <si>
    <t>Galatea / by James M. Cain.-- The New American library; c1953.-- (A signet book).</t>
  </si>
  <si>
    <t>Murder scholastic / Janet Caird.-- Ace Publishing; c1967.</t>
  </si>
  <si>
    <t>823.91/C12</t>
  </si>
  <si>
    <t>Murder goes to press / by Cicely Cairns.-- Mercury Publications ; 1950.-- (A Mercury mystery  ; no. 170).</t>
  </si>
  <si>
    <t>The snare / Noel Calef ; translated by Jean Ure ; pbk.-- Corgi books; 1971.-- (Corgi crime ).</t>
  </si>
  <si>
    <t>843.91/C13</t>
  </si>
  <si>
    <t>Ascenseur pour l'échafaud / Noël Calef.-- Arthème Fayard; c1956.</t>
  </si>
  <si>
    <t>The closing circle / Lou Cameron.-- Berkley Publishing Corp.; 1974.-- (A Berkley medallion book ; D2707).</t>
  </si>
  <si>
    <t>Behind the scarlet door / Lou Cameron.-- Fawcett Publications; 1971.-- (Fawcett gold medal book ; T2493).</t>
  </si>
  <si>
    <t>Rogue queen / by L. Sprague de Camp.-- Dell Pub. Co ; c1951.</t>
  </si>
  <si>
    <t>Scottish tales of terror / edited by Angus Campbell.-- Collins; 1972.-- (Fontana books ; 2922).</t>
  </si>
  <si>
    <t>823.087/C14</t>
  </si>
  <si>
    <t>Entre l'enclume et le marteau : roman / René Cambon.-- Denoël; 1967.-- (Denoël crime-club ; 255).</t>
  </si>
  <si>
    <t>843.91/C14</t>
  </si>
  <si>
    <t>Coffin for a murderer / by Reginald Campbell.-- Published for British Publishers Guild by Cassell  ; 1953.-- (Guild books ; 466).</t>
  </si>
  <si>
    <t>The tall dark man / Anne Chamberlain.-- Dell Publishing co.; c1955.-- (Dell book ; 925).</t>
  </si>
  <si>
    <t>823.91/C32</t>
  </si>
  <si>
    <t>The miracle of Peille / by J. L. Campbell.-- Penguin; 1938.-- (Penguin books ; 150).</t>
  </si>
  <si>
    <t>Black flamingo / Victor Canning.-- Berkley publishing corp.; 1965, c1962.-- (A berkley medallion bok ; F1038).</t>
  </si>
  <si>
    <t>823.91/C15</t>
  </si>
  <si>
    <t>Panther's moon / Victor Canning.-- Mayflower Books; 1972.</t>
  </si>
  <si>
    <t>The melting man /  Victor Canning.-- Pan Books; 1970.-- (Pan Books ).</t>
  </si>
  <si>
    <t>Double negative / David Carkeet.-- Penguin; 1982, c1980.-- (Penguin crime fiction).</t>
  </si>
  <si>
    <t>813.5/C17</t>
  </si>
  <si>
    <t>The crooked hinge / John Dickson Carr.-- Berkley publishing corp.; 1985, c1938.-- (Berkley books ; G-157).</t>
  </si>
  <si>
    <t>It walks by night / John Dickson Carr.-- Avon Books; 1970, c1930.-- (Avon classic crime collection ; PN283).</t>
  </si>
  <si>
    <t>The life of Sir Arthur Conan Doyle / by John Dickson Carr.-- Vintage Books; 1975, c1949.</t>
  </si>
  <si>
    <t>823.91/D89/c</t>
  </si>
  <si>
    <t>The exploits of Sherlock Holmes / Adrian Conan Doyle, John Dickson Carr.-- Sphere Books; 1978.</t>
  </si>
  <si>
    <t>Robbers and robots / by Mike Carr ; interior art by Vernon Posey ; pbk..-- TSR; c1983.-- (An Endless quest book ; no 9).</t>
  </si>
  <si>
    <t>793.9/C22</t>
  </si>
  <si>
    <t>Tinker, tailor, soldier, spy /  John le Carré.-- Bantam Books; 1975.-- (Bantam books ; novel).</t>
  </si>
  <si>
    <t>823.91/L46</t>
  </si>
  <si>
    <t>Star rider / Carole Carreck ; Illustrated by Peter Wilkes ; pbk..-- Puffin Books ; 1985.-- (Puffin books ).</t>
  </si>
  <si>
    <t>The sea around us / Rachel L. Carson ; drawings by Katherine L. Howe.-- New American Library; 1954.-- (A Mentor book ; M100).</t>
  </si>
  <si>
    <t>551.46/C22</t>
  </si>
  <si>
    <t>Mr. Campion's quarry / Youngman Carter.-- Manor books ; 1975, c1970.-- (Manor Books mystery ; 12295).</t>
  </si>
  <si>
    <t>823.91/C23</t>
  </si>
  <si>
    <t>The magic toyshop / Angela Carter.-- Dell Pub. Co; 1969, c1967.-- (A Dell book ; Dell fic 5154).</t>
  </si>
  <si>
    <t>Chicago murders / by Elizabeth Bullock ... [et al.] ; and edited by Sewell Peaslee Wright.-- Bantam Books; 1947, c1945.-- (A bantam books  ; 127).</t>
  </si>
  <si>
    <t>364.152/B88</t>
  </si>
  <si>
    <t>Khaled : a tale of Arabia / by F. Marion Crawford ; Introduction by Lin Carter.-- Ballantine books; 1971.</t>
  </si>
  <si>
    <t>813.4/C91</t>
  </si>
  <si>
    <t>Imaginary worlds : the art of fantasy / Lin Carter.-- Ballantine books; c1973.</t>
  </si>
  <si>
    <t>823.087/C23</t>
  </si>
  <si>
    <t>Flashing swords! / edited by Lin Carter ; 1.-- Mayflower; 1974, c1973.</t>
  </si>
  <si>
    <t>813.087/C23</t>
  </si>
  <si>
    <t>The young magicians / edited, with an introduction and notes by Lin Carter.-- Ballantine Books Ltd; 1971.-- (adullt fantasy).</t>
  </si>
  <si>
    <t>808.83/C23</t>
  </si>
  <si>
    <t>Dragons, elves, and heroes / edited, with an introduction and notes by Lin Carter.-- Ballantine Books Ltd; 1971.-- (adullt fantasy).</t>
  </si>
  <si>
    <t>Discoveries in fantasy / edited, with an introduction and notes by Lin Carter.-- Ballantine Books Inc.; 1972.-- (adullt fantasy).</t>
  </si>
  <si>
    <t>New worlds for old / edited, with an introduction and notes by Lin Carter.-- Ballantine Books Inc.; 1971.-- (adullt fantasy).</t>
  </si>
  <si>
    <t>The boats of the "Glen Carrig" / William Hope Hodgson ; introduction by Lin Carter.-- Ballantine Books ; 1971.-- (Adult fantasy).</t>
  </si>
  <si>
    <t>823.91/H81</t>
  </si>
  <si>
    <t>Great short novels of adult fantasy / edited, with an introduction and notes, by Lin Carter ; 1, 2.-- Ballantine Books; c1972.-- (Original adult fantasy).</t>
  </si>
  <si>
    <t>813.087/C23/1</t>
  </si>
  <si>
    <t>Lovecraft : a look behind the Cthulhu mythos : the background of a myth that has captured a generation / Lin Carter.-- Ballantine books; c1972.</t>
  </si>
  <si>
    <t>813.5/L94/c</t>
  </si>
  <si>
    <t>Tolkien : a look behind "The lord of the rings" / Lin Carter.-- Ballantine Books; c1969.</t>
  </si>
  <si>
    <t>823.91/To47/c</t>
  </si>
  <si>
    <t>813.087/C23/2</t>
  </si>
  <si>
    <t>Golden cities far / edited, with an introduction and notes by Lin Carter.-- Ballantine Books; c1970.-- (Original adult fantasy).</t>
  </si>
  <si>
    <t>Weird tales / edited by Lin Carter ; 4.-- Kensington publishing; c1983.-- (Zebra science fantasy).</t>
  </si>
  <si>
    <t>813.087/C23/4</t>
  </si>
  <si>
    <t>Demon lovers and strange seductions / edited by M. L. Carter.-- Fawsette Publications; c1971.-- (Fawcett gold medal).</t>
  </si>
  <si>
    <t>Mr. Campion's farthing / Youngman Carter.-- Penguin; 1971.-- (Penguin books).</t>
  </si>
  <si>
    <t>Envious Casca / Georgette Heyer.-- Hodder and Stoughton; 1952.</t>
  </si>
  <si>
    <t>823.91/H53</t>
  </si>
  <si>
    <t>The dreamers / Vera Caspary.-- Pocket books; c1975.-- (Pocket Fiction).</t>
  </si>
  <si>
    <t>Laura / Vera Caspary.-- Avon Books; c1942.-- (Avon classic crime collection).</t>
  </si>
  <si>
    <t>And now the screaming starts ... / by David Case.-- Pan Books; 1973.</t>
  </si>
  <si>
    <t>823.91/C25</t>
  </si>
  <si>
    <t>Muder in red / Frank Castle.-- Fawcett; c1957.-- (A fawcett gold medal book).</t>
  </si>
  <si>
    <t>Contes cruels ; Nouveaux contes cruels / Villiers de L'Isle-Adam.-- Garnier Frères; c1968.-- (Classiques Garnier).</t>
  </si>
  <si>
    <t>843.8/V71</t>
  </si>
  <si>
    <t>Thus was Adonis murdered / Sarah Caudwell ; pbk.-- Penguin; 1982, c1981.</t>
  </si>
  <si>
    <t>823.91/C27</t>
  </si>
  <si>
    <t>The black spaniel mystery / Betty Cavanna.-- Scholastic Book services; c1945.</t>
  </si>
  <si>
    <t>813.5/C27</t>
  </si>
  <si>
    <t>The children are gone / a novel by Arthur Cavanaugh.-- Fawcett Publications; c1966.</t>
  </si>
  <si>
    <t>The lady in the lake / Raymond Chandler.-- Penguin Books in association with Hamish Hamilton; 1952.-- (Penguin books).</t>
  </si>
  <si>
    <t>The high window / Raymond Chandler.-- Penguin Books in association with Hamish Hamilton; 1951, c1943.-- (Penguin books ; B51).</t>
  </si>
  <si>
    <t>The little sister / Raymond Chandler.-- Penguin Books in association with H. Hamilton; 1955.-- (Penguin books ; 1096).</t>
  </si>
  <si>
    <t>The big sleep / by Raymond Chandler.-- Penguin Books in association with Hamish Hamilton; 1948.-- (Penguin books).</t>
  </si>
  <si>
    <t>The Raymond Chandler mystery map of Los Angeles / illustrator Alice Klarke.-- 2nd ed.-- Aaron Blake Publishers. a.</t>
  </si>
  <si>
    <t>813.5/C33/a</t>
  </si>
  <si>
    <t>The big sleep / by Raymond Chandler.-- Pocket books; 1950.-- (pocket book ; 696).</t>
  </si>
  <si>
    <t>The big sleep / by Raymond Chandler.-- Alfred A. Knopf; c1943.-- (New Avon library).</t>
  </si>
  <si>
    <t>5 murderers / by Raymond Chandler.-- New Avon LIbrary; c1944.-- (New Avon library).</t>
  </si>
  <si>
    <t>Lady in the lake / Raymond Chandler.-- Pocket Books; 1946.-- (Pocket book ; 389).</t>
  </si>
  <si>
    <t>The long good-bye / Raymond Chandler.-- Pocket Books; c1955.-- (Pocket book ; 1044).</t>
  </si>
  <si>
    <t>Illustlated fiction / Raymond Chandler.-- Pyramid Publications; c1976.-- (Pyramid fiction).</t>
  </si>
  <si>
    <t>813.5/C33/s</t>
  </si>
  <si>
    <t>The simple art of murder / Raymond Chandler.-- Pocket books, Inc.; 1953, c1950.-- (Pocket book ; mystery 915).</t>
  </si>
  <si>
    <t>Farewell, my lovely / Raymond Chandler.-- Pocket Books; 1943, c1940.-- (Pocket books ; 701).</t>
  </si>
  <si>
    <t>Den lilla systern  / av Raymond Chandler ; övers. av Mårten Edlund.-- Albert Bonniers ; 1956.-- (En Zebra-bok ; 29).</t>
  </si>
  <si>
    <t>The Saint in New York / by Leslie Charteris.-- Avon book co.; 19--.-- (New Avon Library  ; 44).</t>
  </si>
  <si>
    <t>The Saint meets his match / by Leslie Charteris.-- Avon publishing co.; 1952.-- (Avon books ; 489).</t>
  </si>
  <si>
    <t>The Saint in Europe  / Leslie Charteris.-- Avon book co.; 19--.-- (Avon  ; 611).</t>
  </si>
  <si>
    <t>Du ska ändå dö / James Hadley Chase ; övers.: Karl-Rune Östlund.-- B. Wahlström ; 1973.</t>
  </si>
  <si>
    <t>823.91/C35</t>
  </si>
  <si>
    <t>Tote sind einsam : Kriminalroman  / James Hadley Chase ; Übers. von E. u. W. W. Elwenspoek.-- Ullstein; 1961.</t>
  </si>
  <si>
    <t>The sucker punch / James Hadley Chase.-- Hamilton &amp; Co; 1963.-- (A Panther books ; 1473).</t>
  </si>
  <si>
    <t>In a vain shadow / James Hadley Chase.-- Panther; 1972.-- (Panther books).</t>
  </si>
  <si>
    <t>The joker in the pack  / James Hadley Chase.-- Corgi books; 1977, c1975.-- (Corgi books ; crime).</t>
  </si>
  <si>
    <t>You've got it coming / James Hadley Chase.-- Panther books; 1965.-- (A Panther books ; 1852).</t>
  </si>
  <si>
    <t>You find him, I'll fix him / James Hadley Chase.-- Panther books; 1966.-- (A Panther books ; 2048).</t>
  </si>
  <si>
    <t>No orchids for Miss Blandish / James Hadley Chase.-- Avon books; 1966, c1961.-- (Avon Classic Crime Collection ; PN287).</t>
  </si>
  <si>
    <t>Cherry Delight : Chuck you, farley! / by Glen Chase.-- Leisure Books; c1973.</t>
  </si>
  <si>
    <t>Who killed the Robins family? / created by Bill Adler ; written by Thomas Chastain ; pbk..-- Warner Books; c1984.</t>
  </si>
  <si>
    <t>Uneasy terms / Peter Cheyney.-- Pan Books; 1959.-- (Great Pan ; G280).</t>
  </si>
  <si>
    <t>You can't keep the change / by Peter Cheyney.-- Collins; 1957.-- (Fontana books ; 161).</t>
  </si>
  <si>
    <t>The stars are dark / Peter Cheyney.-- Collins; 1956.-- (Fontana books ; 107).</t>
  </si>
  <si>
    <t>The man nobody saw / by Peter Cheyney.-- Avon publications Inc.; c1949.-- (Avon books ; 712).</t>
  </si>
  <si>
    <t>Case of the dark hero / Peter Cheyney.-- Avon publications Inc.; c1946.-- (Avon books ; 734).</t>
  </si>
  <si>
    <t>Cocktails and the killer / Peter Cheyney.-- Avon publications Inc.; c1951.-- (Avon books ; 797).</t>
  </si>
  <si>
    <t>The case of the dark hero / Peter Cheyney.-- Avon publications Inc.; c1946.-- (New Avon Library ; 123).</t>
  </si>
  <si>
    <t>The case of the dark hero / Peter Cheyney.-- Avon publications Inc.; c1944.-- (New Avon Library ; 49).</t>
  </si>
  <si>
    <t>The splintered man / M.E. Chaber.-- Pocket Books  ; c1955.-- (Permabook edition).</t>
  </si>
  <si>
    <t>823.91/C31</t>
  </si>
  <si>
    <t>The tall dark man / Anne Chamberlain.-- Avon books; 1970, c1955.-- (Avon Classic Crime Collection ; PN322).</t>
  </si>
  <si>
    <t>The man who was Thursday  / by G. K. Chesterton.-- Editions for the Armed Services; c1908.-- (Armed services editions ; 984).</t>
  </si>
  <si>
    <t>The amazing adventures of Father Brown   / G. K. Chesterton.-- Dell Publishing Company Inc.; c1935.-- (Dell Book ; 819).</t>
  </si>
  <si>
    <t>The Club of Queer Trades  / G. K. Chesterton.-- Carroll &amp; Graf Publishers Inc.; c1987.-- (Carroll and Graf Mystery).</t>
  </si>
  <si>
    <t>The man who was Thursday : a nightmare / G. K. Chesterton ; Introduction by Lin Carter.-- Ballantine Books ; c1971.-- (Adult fantasy).</t>
  </si>
  <si>
    <t>The man who was Thursday : a nightmare / by G. K. Chesterton.-- Penguin ; 1937.-- (Penguin books ;  95).</t>
  </si>
  <si>
    <t>The man who was Thursday : a nightmare / G. K. Chesterton.-- Capricorn Books; 1960.-- (A Putnam Capricorn book ; CAP27).</t>
  </si>
  <si>
    <t>The everlasting man / G. K. Chesterton.-- Image Books ; 1955.-- (Doubleday Image book ; D18).</t>
  </si>
  <si>
    <t>According to the evidence / Henry Cecil.-- Pan Books; 1957.-- (Pan-books ; 402).</t>
  </si>
  <si>
    <t>823.91/C28</t>
  </si>
  <si>
    <t>Sinister errand / Peter Cheyney.-- Avon Book ; c1947.-- (An Avon book ; 114).</t>
  </si>
  <si>
    <t>I'll bring her back / Peter Cheyney.-- Eton book; c1952.-- (pocket size books ; E115).</t>
  </si>
  <si>
    <t>This man is dangerous / Peter Cheyney.-- Collins Clear-Type press; 1959.-- (Fontana books ; no.35).</t>
  </si>
  <si>
    <t>Your deal, my lovely / Peter Cheyney.-- Collins Clear-Type press; 1961.-- (Fontana books ; no.179).</t>
  </si>
  <si>
    <t>I'll say she does! / Peter Cheyney.-- Collins; 1960.-- (Fontana books ; no.232).</t>
  </si>
  <si>
    <t>Poison ivy / by Peter Cheyney.-- Collins; 1960.-- (Fontana books ; 375).</t>
  </si>
  <si>
    <t>The urgent hangman / Peter Cheyney.-- Collins; 1961.-- (Fontana books ; no.481).</t>
  </si>
  <si>
    <t>You can always duck : a novel / by Peter Cheyney.-- Collins; 1962.-- (Fontana books).</t>
  </si>
  <si>
    <t>Dames don't care / Peter Cheney.-- Pan Books; 1960.-- (Great Pan  ; G352).</t>
  </si>
  <si>
    <t>Ladies won't wait / Peter Cheney.-- Pan Books; 1961.-- (Great Pan  ; G471).</t>
  </si>
  <si>
    <t>Don't get me wrong / Peter Cheyney.-- Pan Books; 1952.-- (Pan books ; 195).</t>
  </si>
  <si>
    <t>You can't hit a woman / Peter Cheyney.-- Pan Books; 1953.-- (Great Pan ; G510).</t>
  </si>
  <si>
    <t>Dark duet / Peter Cheyney.-- Pan Books; 1958.-- (Great Pan ; G160).</t>
  </si>
  <si>
    <t>The big four / Agatha Christie.-- Penguin Books; 1957.-- (Penguin books ; 1196).</t>
  </si>
  <si>
    <t>The Listerdale mystery / Agatha Christie.-- Agatha Christie signature ed.-- HarperCollins; 2003, c1934.-- (The Agatha Christie collection).</t>
  </si>
  <si>
    <t>The mysterious affair at Styles / Agatha Christie.-- Bantam Books; 1970.-- (Bantam books).</t>
  </si>
  <si>
    <t>The mousetrap / by Agatha Christie.-- Yohan Pub.; 1978, c1954.-- (Yohan pearl library ; 20).</t>
  </si>
  <si>
    <t>822.91/C58</t>
  </si>
  <si>
    <t>The big four / Agatha Christie.-- Avon Publications; c1927.</t>
  </si>
  <si>
    <t>Murder in three acts : a Hercule Poirot mystery / by Agatha Christie.-- Popular Library; 1961.-- (Popular giant ; G523).</t>
  </si>
  <si>
    <t>The ABC murders / Agatha Christie.-- Pocket Books; 1941, c1936.-- (Pocket books).</t>
  </si>
  <si>
    <t>Mrs. McGinty's dead / Agatha Christie.-- Pocket Books; 1953.</t>
  </si>
  <si>
    <t>A pocket full of rye / Agatha Christie.-- Pocket Books; 1954.-- (Pocket book).</t>
  </si>
  <si>
    <t>Murder with mirrors / Agatha Christie ; pbk..-- Pocket Books; 1954, c1952.-- (Pocket book).</t>
  </si>
  <si>
    <t>The Murder of Roger Ackroyd / Agatha Christie.-- Pocket Books; 1939.-- (Pocket books ; 45009).</t>
  </si>
  <si>
    <t>The Agatha Christie quizbook / Andy East.-- Pocket books; 1976.-- (Pocket book).</t>
  </si>
  <si>
    <t>823.91/C58/e</t>
  </si>
  <si>
    <t>And then there were none / by Agatha Christie.-- Pocket Books; 1944.-- (Pocket book).</t>
  </si>
  <si>
    <t>The secret adversary / Agatha Christie.-- Pan Books; 1955.-- (Pan Books  ; X265).</t>
  </si>
  <si>
    <t>The ABC murders / Agatha Christie.-- Pan Books; 1958.-- (Great Pan ; GP95).</t>
  </si>
  <si>
    <t>A murder is announced / Agatha Christie.-- Pan Books; 1950.-- (Great Pan).</t>
  </si>
  <si>
    <t>N or M? / Agatha Christie.-- Pan Books; 1959.-- (Pan books ; G259 . Great Pan).</t>
  </si>
  <si>
    <t>Murder in the mews / Agatha Christie.-- Pan Books; 1954.-- (Pan books).</t>
  </si>
  <si>
    <t>Death in the clouds / Agatha Christie.-- Pan Books; 1964.-- (Pan books ; X317).</t>
  </si>
  <si>
    <t>Ten little niggers / Agatha Christie.-- Pan Books; 1947.-- (Pan books ; X317).</t>
  </si>
  <si>
    <t>The man in the brown suit / Agatha Christie.-- Pan Books; 1953.-- (Pan books).</t>
  </si>
  <si>
    <t>They came to Baghdad / Agatha Christie.-- Fontana; 1954.-- (Fontana books ; 15).</t>
  </si>
  <si>
    <t>The Murder of Roger Ackroyd / Agatha Christie.-- Collins; 1960.-- (Fontana books ; 155).</t>
  </si>
  <si>
    <t>Hercule poirot's Christmas / Agatha Christie.-- Collins; 1959.-- (Fontana books ; 175).</t>
  </si>
  <si>
    <t>The boomerang clue / Agatha Christie.-- Dell; c1935.-- (Dell Book ; 664).</t>
  </si>
  <si>
    <t>The murder at the vicarage / Agatha Christie.-- Dell; c1930.-- (A Dell mystery ; 226).</t>
  </si>
  <si>
    <t>Appointment with Death / Agatha Christie.-- Dell; c1938.-- (A Dell mystery).</t>
  </si>
  <si>
    <t>The mysterious Mr.Quin / Agatha Christie.-- Dell publishing; 1959, c1958.-- (Dell ; D326).</t>
  </si>
  <si>
    <t>The labors of Hercules / Agatha Christie.-- Dell; c1947.-- (Dell Book ; D305).</t>
  </si>
  <si>
    <t>Murder in retrospect / Agatha Christie.-- Dell; 1961.-- (A Dell mystery ; D384).</t>
  </si>
  <si>
    <t>Murder after hours / Agatha Christie.-- Dell; 1960.-- (A Dell mystery ; D390).</t>
  </si>
  <si>
    <t>Murder in Mesopotamia / Agatha Christie.-- Dell; c1936.-- (Dell Books ; D405).</t>
  </si>
  <si>
    <t>Mr. Parker Pyne, detective / Agatha Christie.-- Dell; c1961.-- (Dell Book ; 5888).</t>
  </si>
  <si>
    <t>The murder at the vicarage / Agatha Christie.-- Dell; c1930.-- (A Dell mystery ; 888).</t>
  </si>
  <si>
    <t>Cards on the table : an Hercule Poirot murder mystery / by Agatha Christie.-- Dell; 1962, c1936.-- (Dell Book ; R111).</t>
  </si>
  <si>
    <t>The Golden Ball and other stories / Agatha Christie.-- Dell; c1971.-- (Dell Book ; 3272).</t>
  </si>
  <si>
    <t>The secret of chimneys / by Agatha Christie.-- Dell; c1925.-- (Dell Book ; 7708).</t>
  </si>
  <si>
    <t>The rose and the yew tree / Agatha Christie, writing under tha name Mary Westmacott.-- Dell; c1947.-- (Dell Book ; 7503).</t>
  </si>
  <si>
    <t>Death on the Nile : a hercule poirot mystery / by Agatha Christie.-- Avon Book; c1937.-- (An Avon Book ; T-149).</t>
  </si>
  <si>
    <t>A holiday for murder (Murder for Christams) / Agatha Christie.-- Avon; 1947.-- (An Avon Book ; T-176A).</t>
  </si>
  <si>
    <t>Poirot loves a client / Agatha Christie.-- Avon; c1937.-- (An Avon Book ; T-192A).</t>
  </si>
  <si>
    <t>A holiday for murder / Agatha Christie.-- Avon; c1947.-- (An Avon Book ; 616).</t>
  </si>
  <si>
    <t>The moving finger / Agatha Christie.-- Avon; c1942.-- (Avon ; 636).</t>
  </si>
  <si>
    <t>The moving finger / Agatha Christie.-- Avon; c1939.-- (Avon ; T-167a).</t>
  </si>
  <si>
    <t>And then there were none / by Agatha Christie.-- A Cardinal Editon.-- Pocket Books; 1959.-- (Pocket book ; C-360).</t>
  </si>
  <si>
    <t>Ordeal by innocence / Agatha Christie.-- A Cardinal Edition.-- Pocket Books; 1960.-- (Pocket books ; C-386).</t>
  </si>
  <si>
    <t>They came to Baghdad / Agatha Christie.-- Pocket Books; 1960, c1951.-- (A Cardinal edition ; C-396).</t>
  </si>
  <si>
    <t>Easy to kill / Agatha Christie.-- Pocket Books; 1960, c1939.-- (A Cardinal edition ; C-397).</t>
  </si>
  <si>
    <t>Crooked house / Agatha Christie.-- Pocket Books; 1960, c1949.-- (A Cardinal edition ; C-398).</t>
  </si>
  <si>
    <t>Dead man's folly / by Agatha Christie.-- Pocket Books; 1961, c1956.-- (A Cardinal edition ; C-420).</t>
  </si>
  <si>
    <t>The thirteen problems / Agatha Christie.-- Fontana / Collins; 1965.-- (Fontana paperbacks ; 3397 . The Christie collection).</t>
  </si>
  <si>
    <t>The murder at the vicarage / Agatha Christie.-- Fontana / Collins; 1961, C1930.-- (Fontana paperbacks ; 3995).</t>
  </si>
  <si>
    <t>Endless night / Agatha Christie.-- Fontana / Collins; 1970, C1967.-- (Fontana books ; 2376).</t>
  </si>
  <si>
    <t>Come, tell me how you live / Agatha Christie Mallowan.-- Pocket Books ; 1977, C1946.-- (Pocket book ; 83438).</t>
  </si>
  <si>
    <t>Come, tell me how you live / Agatha Christie Mallowan.-- Pocket Books ; 1977, C1946.-- (Pocket book ; 80914).</t>
  </si>
  <si>
    <t>The mysterious world of Agatha Christie / Jeffrey Feinman.-- Award Books; 1975.-- (An Award biography ; AR1489).</t>
  </si>
  <si>
    <t>823.91/C58/f</t>
  </si>
  <si>
    <t>An Agatha Christie chronology / by Nancy Blue Wynne.-- Ace Books; c1976.</t>
  </si>
  <si>
    <t>823.91/C58/w</t>
  </si>
  <si>
    <t>Child's play / Kate Christie.-- Pan Books; 1971.</t>
  </si>
  <si>
    <t>Red moon and black mountain : the end of the House of Kendreth / by Joy Chant ; Introduction by Lin Carter.-- Ballantine Books; [1971].-- (Adult fantagy).</t>
  </si>
  <si>
    <t>823.91/C33</t>
  </si>
  <si>
    <t>Pendulum / John Christopher.-- Lancer Books; 1969.-- (Lancer books ; 75-080).</t>
  </si>
  <si>
    <t>A scent of white poppies / John Christopher.-- Avon; 1959.-- (Avon ; T-463).</t>
  </si>
  <si>
    <t>Houdini: the untold story / Milbourne Christopher.-- Pocket Books; 1970.</t>
  </si>
  <si>
    <t>793.8/C58</t>
  </si>
  <si>
    <t>No news on Monday / Richard Clapperton.-- Panther; 1970.-- (Panther Crime).</t>
  </si>
  <si>
    <t>823.91/C75</t>
  </si>
  <si>
    <t>The Saint in New York / by Leslie Charteris.-- Pan Books; 1948.-- (PAN-Books ; 66).</t>
  </si>
  <si>
    <t>The Saint versus Scotland Yard / Leslie Charteris.--  Pan Books Ltd ; 1949.</t>
  </si>
  <si>
    <t>Call for the Saint / by Leslie Charteris.-- Avon Publishing; 1948.-- (Avon  ; 526ANC).</t>
  </si>
  <si>
    <t>Call for the Saint / by Leslie Charteris.-- New Avon Library ; 1943.-- (New Avon Library  ; 34).</t>
  </si>
  <si>
    <t>The avenging Saint / by Leslie Charteris.-- Avon Publishing Co.; [1931].-- (Avon  ; 518ANC).</t>
  </si>
  <si>
    <t>The Saint and the sizzling saboteur / Leslie Charteris.-- Avon Publishing Co.; c1944.-- (Avon  ; 744).</t>
  </si>
  <si>
    <t>Arrest the Saint! : the first Saint omnibus : an anthology of saintly adventures / Leslie Charteris.-- Permabooks; 1951.-- (ermabooks ; P124).</t>
  </si>
  <si>
    <t>Enter the Saint / Leslie Charteris.-- Avon Publishing Co.; c1931.-- (Avon  ; 718).</t>
  </si>
  <si>
    <t>Saint errant / Leslie Charteris.-- Avon Publishing Co.; c1948.-- (Avon  ; 588).</t>
  </si>
  <si>
    <t>Follow the Saint / Leslie Charteris.-- Avon Publishing Co.; c1938.-- (Avon  ; 533ANC).</t>
  </si>
  <si>
    <t>The hunt for Red October / Tom Clancy.-- Berkley Books ; 1985, c1984.</t>
  </si>
  <si>
    <t>813.5/C74</t>
  </si>
  <si>
    <t>Murder in the act / by Elizabeth St. Clair.-- Kensington Publishing Corp.; c1978.-- (Zebra mystery puzzlers ; 8).</t>
  </si>
  <si>
    <t>813.5/St1</t>
  </si>
  <si>
    <t>Horror movies : an illustrated survey / Carlos Clarens.-- Panther; 1971.</t>
  </si>
  <si>
    <t>791.43/C76</t>
  </si>
  <si>
    <t>The gimmel flask / by Douglas Clark.-- Dell; c1977.-- (A murder ink. mystery).</t>
  </si>
  <si>
    <t>823.91/C76</t>
  </si>
  <si>
    <t>Golden rain / by Douglas Clark.-- Dell; c1980.-- (A murder ink. mystery).</t>
  </si>
  <si>
    <t>2001 : a space odyssey / by Arthur C. Clarke.-- New American Library; c1968.</t>
  </si>
  <si>
    <t>Where are the children? / Mary Higgins Clark.-- Dell; c1975.</t>
  </si>
  <si>
    <t>813.5/C76</t>
  </si>
  <si>
    <t>A stranger is watching / Mary Higgins Clark.-- Dell; c1977.-- (Dell Book ; 18125).</t>
  </si>
  <si>
    <t>Murderer's holiday / Donald Henderson Clarke.-- Avon; c1951.-- (Pocket-size Books ; 394).</t>
  </si>
  <si>
    <t>From outer space / Hal Clement.-- Avon; c1950.-- (Avon Books ; T-175).</t>
  </si>
  <si>
    <t>The hunting-ground / Francis Clifford.-- The New American Library; c1964.-- (A Signet Mystery ; P2989).</t>
  </si>
  <si>
    <t>823.91/C78</t>
  </si>
  <si>
    <t>Death's bright dart / V.C. Clinton-Baddeley.-- Panther; 1972.</t>
  </si>
  <si>
    <t>Death's bright dart / V.C. Clinton-Baddeley.-- Dell Publishing; c1967.-- (Murder Ink ; 45).</t>
  </si>
  <si>
    <t>Wisteria cottage / by Robert M. Coates.-- Popular Library; c1948.</t>
  </si>
  <si>
    <t>Dupe / Liza Cody.-- Pan in association with Collins; c1980.</t>
  </si>
  <si>
    <t>823.91/C82</t>
  </si>
  <si>
    <t>Kinds of love, kinds of death / by Tucker Coe.-- The New American Library; c1966.-- (A signet mystery ; P4029).</t>
  </si>
  <si>
    <t>813.5/C83</t>
  </si>
  <si>
    <t>Kinds of love, kinds of death / by Tucker Coe.-- The New American Library; c1967.-- (A signet mystery ; P4030).</t>
  </si>
  <si>
    <t>Modern masters of horror / edited by Frank Coffey.-- Ace Books; c1981.</t>
  </si>
  <si>
    <t>813.087/C83</t>
  </si>
  <si>
    <t>Rock from the beginning / Nik Cohn.-- Pocket Book; 1970.</t>
  </si>
  <si>
    <t>784/C83</t>
  </si>
  <si>
    <t>I am still the greatest says Johnny Angelo / Nik Cohn.-- Penguin; 1970.</t>
  </si>
  <si>
    <t>823.91/C83</t>
  </si>
  <si>
    <t>The corpse that walked / Octavus Roy Cohen.-- Fawcett; 1950.-- (A fawcett gold medal book ; 138).</t>
  </si>
  <si>
    <t>Weirdest people in the world / by C.B. Colby.-- Popular Library; c1965.</t>
  </si>
  <si>
    <t>813.5/C84</t>
  </si>
  <si>
    <t>The California crime book / Robert Colby.-- Pyramid Publications; c1971.-- (Pyramid nonfiction ; N2385).</t>
  </si>
  <si>
    <t>364.973/C84</t>
  </si>
  <si>
    <t>With intent to deceive / Manning Coles.-- The Award Service; 1947.</t>
  </si>
  <si>
    <t>They tell no tales.-- Berkley; 1964, c1942.</t>
  </si>
  <si>
    <t>Concrete crime / Manning Coles.-- Ballantine Books; c1960.</t>
  </si>
  <si>
    <t>The man in the green hat / Manning Coles.-- Lorevan; c1955.</t>
  </si>
  <si>
    <t>A toast to tomorrow / Manning Coles.-- The American mercury; c1941.-- (Mercury mystery ; 63).</t>
  </si>
  <si>
    <t>A toast to tomorrow / Manning Coles.-- Bantam Books; 1947, c1941.-- (A Bantam Books ; 118).</t>
  </si>
  <si>
    <t>Fancies and goodnights / John Collier.-- Bantam Books; 1953, c1951.</t>
  </si>
  <si>
    <t>Green thoughts and othe strange tales / by John Collier.-- Harold Matson; c1943.-- (Armed service edition ; 871).</t>
  </si>
  <si>
    <t>The Titanic murders / Max Allan Collins ; pbk..-- Berkley Prime Crime; c1999.</t>
  </si>
  <si>
    <t>True detective / Max Allan Collins.-- Sphere Books; 1984, c1983.</t>
  </si>
  <si>
    <t>The Gull cove murders / Eli Colter.-- Novel selections; c1944.-- (A detective novel classic ; 41).</t>
  </si>
  <si>
    <t>Terror tales : science fiction / edited by Groff Conklin.-- Pocket Books; 1955.-- (Pocket Books ; 75413).</t>
  </si>
  <si>
    <t>813.087/C86</t>
  </si>
  <si>
    <t>6 great short novels of science fiction / edited by Groff Conklin.-- Dell Publishing Co.; c1954.-- (A Dell first edition ; D9).</t>
  </si>
  <si>
    <t>Big book of science fiction / edited by Groff Conklin.-- Berkley Publishing Corp.; c1950.-- (Berkley books ; G-53).</t>
  </si>
  <si>
    <t>The strange cases of Magistrate Pao : Chinese tales of crime and detection / translated from the Chinese and retold by Leon Comber; illustrations by Lo Koon-chiu.-- Panther Books; 1970.-- (Panther crime).</t>
  </si>
  <si>
    <t>895.1/L97</t>
  </si>
  <si>
    <t>Magic : an occult primer / David Conway.-- Mayflower books ; 1974, c1972.</t>
  </si>
  <si>
    <t>133.43/C86</t>
  </si>
  <si>
    <t>Arthur and the Bellybutton Diamond / Alan Coren ; illustrated by John Astrop ; pbk.-- Puffin Bokks; 1981, c1979.</t>
  </si>
  <si>
    <t>823.91/C88</t>
  </si>
  <si>
    <t>The world's greatest sherlock holmes quiz / Dale Copps.-- Berkley Publishing Cop.; 1976.-- (A Berkley medallion book ; Z3033).</t>
  </si>
  <si>
    <t>783.9/C87</t>
  </si>
  <si>
    <t>A thief in the night : the death of Pope John Paul I / John Cornwell.-- Penguin; 1990.-- (Penguin books).</t>
  </si>
  <si>
    <t>282.092/C88</t>
  </si>
  <si>
    <t>A civil death / John William Corrington, Joyce H. Corrington.-- Ballantine Books; 1989, c1987.-- (A Fawcett crest book).</t>
  </si>
  <si>
    <t>So small a carnival / John William Corrington, Joyce H. Corrington.-- Mysterious Press ; 1989, c1986.</t>
  </si>
  <si>
    <t>The Hemingway papers : a novel / by Vincent Cosgrove.-- Bantam Book; c1983.-- (A Bantam Book).</t>
  </si>
  <si>
    <t>Double Phoenix / introduction by Lin Carter.-- Ballantine Books; 1971.</t>
  </si>
  <si>
    <t>813.5/C87</t>
  </si>
  <si>
    <t>Operation heartbreak / Duff Cooper.-- Pan Books; 1953.-- (PAN-Books ; 265).</t>
  </si>
  <si>
    <t>823.91/C87</t>
  </si>
  <si>
    <t>The dossier of Solar Pons / by Basil Copper.-- Pinnacle Books; c1979.-- (The Solar Pons series ; 8).</t>
  </si>
  <si>
    <t>The further adventures of Solar Pons / by Basil Copper.-- Pinnacle Books; c1979.-- (The Solar Pons series ; 9).</t>
  </si>
  <si>
    <t>The secret files of Solar Pons / by Basil Copper.-- Pinnacle Books; c1979.-- (The Solar Pons series ; 10).</t>
  </si>
  <si>
    <t>The uncollected cases of Solar Pons / by Basil Copper.-- Pinnacle Books; c1980.-- (The Solar Pons series ; 11).</t>
  </si>
  <si>
    <t>Cops and robbers : an investigation into armed bank robbery / John Ball , Lewis Chester , Roy Perrott.-- Penguin; 1979.</t>
  </si>
  <si>
    <t>364.12/B16</t>
  </si>
  <si>
    <t>Trieste / Desmond Cory.-- Award books.-- (Award Books ; A394x).</t>
  </si>
  <si>
    <t>Mountainhead / Desmond Cory.-- Award books.-- (Award Books ; A373x).</t>
  </si>
  <si>
    <t>High requiem / Desmond Cory.-- Award books.-- (Award Books ; A408x).</t>
  </si>
  <si>
    <t>Feramontov / Desmond Cory.-- Award books.-- (Award Books ; A322S).</t>
  </si>
  <si>
    <t>Timelock / Desmond Cory.-- Award books.-- (Award Books ; A343S).</t>
  </si>
  <si>
    <t>Timelock / Desmond Cory.-- Award books.-- (Award Books ; A733S).</t>
  </si>
  <si>
    <t>Johnny goes South / by Desmond Cory.-- New American Library ; 1966, c1959.-- (A Signet book).</t>
  </si>
  <si>
    <t>Shockwave / Desmond Cory.-- New American Library ; 1965, c1963.-- (A Signet book).</t>
  </si>
  <si>
    <t>The swastika hunt / Desmond Cory.-- Award books.-- (Award books ; A475X).</t>
  </si>
  <si>
    <t>Undertow / Desmond Cory.-- New American Library ; 1965, c1962.-- (A Signet book).</t>
  </si>
  <si>
    <t>Beneath still waters / Matthew J. Costello ; pbk..-- Berkley Books; 1989.-- (Berkley Horror).</t>
  </si>
  <si>
    <t>Children's books : awards &amp; prizes / Compiled &amp; edited by The children's book council.-- 1975 ed.-- The children's book council; c1975.</t>
  </si>
  <si>
    <t>809.9/C45</t>
  </si>
  <si>
    <t>Dealy sleep / Dale Cowan.-- Dell Publishing; c1982.-- (Twilght).</t>
  </si>
  <si>
    <t>823.91/C89</t>
  </si>
  <si>
    <t>An East wind coming / Arthur Byron Cover.-- Berkley Publishing Corporation; 1979.-- (Science fiction).</t>
  </si>
  <si>
    <t>Alias the dead / George Harmon Coxe.-- Dell publishing; c1943.-- (Dell book ; 377).</t>
  </si>
  <si>
    <t>The fifth key / George Harmon Coxe.-- Dell publishing; c1947.-- (Dell book ; 644).</t>
  </si>
  <si>
    <t>The hollow needle / George Harmon Coxe.-- Dell; c1943.-- (Dell Book ; 757).</t>
  </si>
  <si>
    <t>One murder too many / George Harmon Coxe.-- Pyramid Books; 1967, c1961.-- (Pyramid Books  ; R-1653).</t>
  </si>
  <si>
    <t>One hour to kill / George Harmon Coxe.-- Pyramid Books; 1965, c1963.-- (Pyramid Books  ; R-1180).</t>
  </si>
  <si>
    <t>one way out / George Harmon Coxe.-- Pyramid Books; 1967, c1960.-- (Pyramid Books  ; R-1662).</t>
  </si>
  <si>
    <t>Never bet your life / George Harmon Coxe.-- Dell; c1952.-- (Dell Book ; 931).</t>
  </si>
  <si>
    <t>The grub-and-stakers pinch poke / by Charlote Macleod writing as Alisa Craig.-- Avon books; 1988.-- (Avon books).</t>
  </si>
  <si>
    <t>813.5/C91</t>
  </si>
  <si>
    <t>case of the silent stranger / Jonathan Craig.-- Fawcett; c1964.-- (A fawcett gold medal book ; k1396).</t>
  </si>
  <si>
    <t>The Amethyst spectacles / by Francis Crane.-- Random House; c1944.-- (Armed service edition ; 995).</t>
  </si>
  <si>
    <t>The girls are missing / Caroline Crane.-- New American Library; c1980.-- (A Signet book ; AE1018).</t>
  </si>
  <si>
    <t>The Applegreen cat / Frances Crane.-- Popular Library; c1943.-- (Popular library ; 344).</t>
  </si>
  <si>
    <t>Sins of New York / edited by Milton Crane.-- Bantam Books; 1950, c1947.-- (Bantam books ; 786).</t>
  </si>
  <si>
    <t>813.0872/C91</t>
  </si>
  <si>
    <t>Hero's walk / by Robert Crane.-- Ballantine; c1954.-- (Ballantine Books ; 71).</t>
  </si>
  <si>
    <t>823.91/C91</t>
  </si>
  <si>
    <t>The witch of Prague / by F. Marion Crawford.-- Sphere; 1974.-- (Spere ; The Dennis Wheatley library of the occult ; 8).</t>
  </si>
  <si>
    <t>Pay as you die / Robert Crawford.-- Berkley; c1969.-- (A puntam red mask mystery).</t>
  </si>
  <si>
    <t>Puzzle for inspector west / John Creasey.-- Pan Books; 1964.-- (Pan books ; G535).</t>
  </si>
  <si>
    <t>Parcels for inspector west / John Creasey.-- Pan Books; 1962.-- (Pan books ; G601).</t>
  </si>
  <si>
    <t>Inspector west kicks off / John Creasey.-- Pan Books; 1964.-- (Pan books ; G658).</t>
  </si>
  <si>
    <t>Battle for inspector west / John Creasey.-- Pan Books; 1964.-- (Pan books ; G683).</t>
  </si>
  <si>
    <t>A rocket for the Toff / John Creasey.-- Pyramid; 1964, c1960.-- (Pyramid Books ; R-1085).</t>
  </si>
  <si>
    <t>The Toff in New York / John Creasey.-- Pyramid; 1964, c1956.-- (Pyramid Books ; R-1086).</t>
  </si>
  <si>
    <t>A Knife for the Toff / John Creasey.-- Pyramid; 1964, c1951.-- (Pyramid Books ; R-1097).</t>
  </si>
  <si>
    <t>Leave it to the Toff / John Creasey.-- Pyramid; 1965, c1963.-- (Pyramid Books ; R-1121).</t>
  </si>
  <si>
    <t>Model for the Toff / John Creasey.-- Pyramid; 1965, c1957.-- (Pyramid Books ; R-1134).</t>
  </si>
  <si>
    <t>The Toff and the runaway bride / John Creasey.-- Pyramid; 1965, c1959.-- (Pyramid Books ; R-1178).</t>
  </si>
  <si>
    <t>Poison for the Toff / John Creasey.-- Pyramid; 1965, c1947.-- (Pyramid Books ; R-1194).</t>
  </si>
  <si>
    <t>Double for the Toff / John Creasey.-- Pyramid; 1965, c1959.-- (Pyramid Books ; R-1221).</t>
  </si>
  <si>
    <t>The Toff and the stolen tresses / John Creasey.-- Pyramid; 1965, c1958.-- (Pyramid Books ; R-1246).</t>
  </si>
  <si>
    <t>A mask for the Toff / John Creasey.--  Pyramid Books ; 1967.-- (A Pyramid thriller ; R-1540 ).</t>
  </si>
  <si>
    <t>A doll for the Toff / John Creasey.--  Pyramid Books ; 1968.-- (A Pyramid thriller ; R-1757).</t>
  </si>
  <si>
    <t>The Toff in wax / John Creasey.-- Pyramid Books ; 1968, c1966.-- (A Pyramid thriller ; R-1801 ).</t>
  </si>
  <si>
    <t>Fool the Toff / John Creasey.-- Pyramid Books ; 1968, c1950.-- (A Pyramid thriller ; X-1825  ).</t>
  </si>
  <si>
    <t>Doorway of death / John Creasey.-- Berkley Publishing co.; 1961, c1959.-- (An Inspector West mystery ).</t>
  </si>
  <si>
    <t>Death of an assassin / John Creasey.-- Berkley Publishing co.; 1962, c1960.-- (An Inspector West mystery ).</t>
  </si>
  <si>
    <t>The blind spot / John Creasey.-- Berkley Publishing co.; 1965.-- (A Roger West mystery ).</t>
  </si>
  <si>
    <t>Death in cold print / John Creasey.-- Berkley Publishing co.; 1965.-- (A Roger West mystery ).</t>
  </si>
  <si>
    <t>The beauty queen killer / John Creasey.-- Berkley Publishing co.; 1965, c1956.-- (A Roger West mystery ).</t>
  </si>
  <si>
    <t>Night of the watchman / John Creasey.-- Berkley Publishing co.; 1966, c1955.-- (A Roger West mystery ).</t>
  </si>
  <si>
    <t>Policeman's dread / John Creasey.-- Berkley Publishing co.; 1966, c1962.-- (A Roger West mystery ).</t>
  </si>
  <si>
    <t>The scene of the crime / John Creasey.-- Berkley Publishing co.; 1966, c1961.-- (A Roger West mystery ).</t>
  </si>
  <si>
    <t>Hang the little man / John Creasey.-- Berkley Publishing co.; 1966, c1963.-- (A Roger West mystery ).</t>
  </si>
  <si>
    <t>Look three ways at murder / John Creasey.-- Berkley Publishing co.; 1966, c1964.-- (A Roger West mystery ).</t>
  </si>
  <si>
    <t>Murder, London-Australia  / John Creasey.-- Berkley Publishing co.; 1967, c1965.-- (A Roger West mystery ).</t>
  </si>
  <si>
    <t>The case of the innocent victims  / John Creasey.-- Berkley Publishing co.; 1967, c1959.-- (A Roger West mystery ).</t>
  </si>
  <si>
    <t>Murder, London-South Africa / John Creasey.-- Berkley Publishing co.; 1967, c1966.-- (A Roger West mystery ).</t>
  </si>
  <si>
    <t>The executioners  / John Creasey.-- Berkley Publishing co.; 1968, c1967.-- (A Roger West mystery ).</t>
  </si>
  <si>
    <t>The dissemblers / John Creasey.-- Berkley Publishing co.; 1968, c1967.-- (A Roger West mystery ).</t>
  </si>
  <si>
    <t>The inferno / John Creasey.-- Berkley Publishing co.; 1968, c1965.-- (A Dr. Palfrey adventure ).</t>
  </si>
  <si>
    <t>The creepers : An Inspector West chiller / by John Creasey.-- Lancer Books ; 1962, c1952.-- (Lancer Books  ; 70-030).</t>
  </si>
  <si>
    <t>The case against Paul Raeburn : an Inspector West chiller / John Creasey.-- Lancer Books ; 1963.-- (Lancer Books  ; 72-660).</t>
  </si>
  <si>
    <t>The baron and the missing old masters / John Creasey writing as Anthony Morton.-- Lancer Books; c1968.-- (Lancer Books ; 74701-075).</t>
  </si>
  <si>
    <t>Inspector West regrets / John Creasey.-- Lancer Books ; 1971.-- (Lancer Books  ; 74709-075).</t>
  </si>
  <si>
    <t>The creepers / John Creasey.-- Lancer Books ; c1952.-- (Lancer Books  ; 74712-075).</t>
  </si>
  <si>
    <t>The baron and the chinese puzzle / John Creasey.-- Avon Books ; 1967, c1965.-- (An Avon mystery ; G1304).</t>
  </si>
  <si>
    <t>The Baron and the stolen legacy / John Creasey.-- Avon Books ; 1968, c1962.-- (An Avon mystery ; S364).</t>
  </si>
  <si>
    <t>If anything happens to Hester / John Creasey.-- Avon Books ; 1966, c1959.-- (An Avon mystery ; G1296).</t>
  </si>
  <si>
    <t>The double frame / John Creasey.-- Avon Books ; 1966, c1961.-- (An Avon mystery ; G1297).</t>
  </si>
  <si>
    <t>The Baron and the Mogul swords / John Creasey.-- Avon Books ; 1968, c1963.-- (An Avon mystery ; S348).</t>
  </si>
  <si>
    <t>The figure in the dusk  / John Creasey.-- Avon Book Division; 1952.-- (An Inspector West mystery ).</t>
  </si>
  <si>
    <t>The figure in the dusk  / John Creasey.-- Avon Publications ; 1952.-- (An Inspector West mystery ).</t>
  </si>
  <si>
    <t>The case of the acid throwers  / John Creasey.-- Avon Publications ; [195-].-- (An Inspector West murder mystery ).</t>
  </si>
  <si>
    <t>Give a man a gun  / John Creasey.-- Avon Publications ; [195-].-- (An Inspector West murder mystery ).</t>
  </si>
  <si>
    <t>No need to die  / John Creasey writing as Gordon Ashe.-- Corgi Books; 1965.-- (A Corgi book ; GC7155).</t>
  </si>
  <si>
    <t>Inspector west alone / John Creasey.-- Four Square; 1961, c1950.-- (A four square book ; 1185).</t>
  </si>
  <si>
    <t>Elope to death / John Creasey writing as Gordon Ashe.-- Transworld Publishers; 1964, c1959.-- (Corgi crime ; SC1509).</t>
  </si>
  <si>
    <t>Sly as a serpent / John Creasey writing as Kyle Hunt.-- Beagle Books; c1967.-- (A Beagle mystery ; 95016).</t>
  </si>
  <si>
    <t>The Toff at the fair / John Creasey.-- A Panther book; 1962.-- (Panther Books ; 378).</t>
  </si>
  <si>
    <t>Cruek as a cat / John Creasey writing as Kyle Hunt.-- Beagle Books; c1968.-- (A Beagle mystery ; 95017).</t>
  </si>
  <si>
    <t>The Toff at Butlin's / John Creasey.-- Hodder and Stoughton; 1958.</t>
  </si>
  <si>
    <t>The Andromeda strain / Michael Crichton.-- Dell; c1969.-- (Dell Book ; 0199).</t>
  </si>
  <si>
    <t>813.5/C92</t>
  </si>
  <si>
    <t>Eaters of the dead : the manuscript of Ibn Fadlan, relating his experiences with the Northmen in A.D. 922 / Michael Crichton.-- Bantam Books; 1977.-- (Bantam Books).</t>
  </si>
  <si>
    <t>Swan songs / Edmund Crispin.-- Avon books; c1975.-- (Avon  ; 55145).</t>
  </si>
  <si>
    <t>Beware of the trains / Edmund Crispin [i.e. R.B. Montgomery] ; : pbk.-- Penguin Books; 1981.</t>
  </si>
  <si>
    <t>Frequent hearses / by Edmund Crispin ; pbk..-- Penguin Books; 1982.</t>
  </si>
  <si>
    <t>In the last analysis / Amanda Cross.-- Avon Books; c1964.-- (Avon Classic Crime Collection ; PN335).</t>
  </si>
  <si>
    <t>813.5/C93</t>
  </si>
  <si>
    <t>Sweet death, kind death / Amanda Cross.-- Ballantine Books; 1985.-- (Ballantine mystery ; 31177).</t>
  </si>
  <si>
    <t>The James Joyce Murder / Amanda Cross.-- Ballantine Books; 1982, c1967.-- (Ballantine mystery ; 30214).</t>
  </si>
  <si>
    <t>Inspector French's greatest case / Freeman Wills Crofts.-- Penguin Books; 1953.-- (Penguin books).</t>
  </si>
  <si>
    <t>The pit-prop syndicate / Freeman Wills Crofts.-- Penguin Books; 1965.-- (Penguin books).</t>
  </si>
  <si>
    <t>American space digest / foreword by Scott Crossfield.-- Shick safety razor company; c1963.</t>
  </si>
  <si>
    <t>520/A44</t>
  </si>
  <si>
    <t>Vulcan's Hammer / Daniel da Cruz.-- New American Library ; c1967.-- (A Signet thriller ; P3919).</t>
  </si>
  <si>
    <t>813.5/D11</t>
  </si>
  <si>
    <t>The whipping boys / Guy Cullingford.-- Penguin; 1964.-- (Penguin books ; C2141).</t>
  </si>
  <si>
    <t>Death of a bullionaire / by A.B. Cunningham.-- Dell Publishing; c1947.</t>
  </si>
  <si>
    <t>813.5/C95</t>
  </si>
  <si>
    <t>The devil's own / Peter Curtis.-- Dolphin Books; 1961.-- (A Dolphin Book ; C301).</t>
  </si>
  <si>
    <t>823.91/L82</t>
  </si>
  <si>
    <t>The face of the tiger ; The Stairway / Ursula Curtiss.-- Ace Books; c1958.-- (Giant double novel book ; G-503).</t>
  </si>
  <si>
    <t>The Wasp / Ursula Curtiss.-- Ace Books; c1963.-- (Ace book ; G-555).</t>
  </si>
  <si>
    <t>Out of the dark / Ursula Curtiss.-- Ace Books; c1964.-- (Ace book ; G-557).</t>
  </si>
  <si>
    <t>The birthday gift / Ursula Curtiss.-- Pocket Book; 1977.-- (Pocket book ; 80923).</t>
  </si>
  <si>
    <t>Jurgen : a comedy of justice / by James Branch Cabell ; with illustrations and decorations by Frank C. Papé.-- Dover Publications; 1977, c1946.</t>
  </si>
  <si>
    <t>813.5/C11</t>
  </si>
  <si>
    <t>A pictorial history of crime films / Ian Cameron.-- Hamlyn; c1975.</t>
  </si>
  <si>
    <t>791.43/C14</t>
  </si>
  <si>
    <t>The incredible planet / by John W. Campbell, Jr.-- Fantasy Press; c1949.</t>
  </si>
  <si>
    <t>The embezzler ; Double indemnity / Two novels by James M. Cain.-- Triangle Books; 1948.</t>
  </si>
  <si>
    <t>Mildred Pierce / James M. Cain.-- The World Publishing Company; c1941.</t>
  </si>
  <si>
    <t>Cry wolf / by Marjorie Carleton.-- William Morrow; 1945.</t>
  </si>
  <si>
    <t>813.5/C18</t>
  </si>
  <si>
    <t>A secret symmetry : Sabina Spielrein between Jung and Freud / Aldo Carotenuto ; translated by Arno Pomerans, John Shepley, Krishna Winston ; pbk., hard.-- Pantheon Books; 1984.</t>
  </si>
  <si>
    <t>150.195/Sp5/c</t>
  </si>
  <si>
    <t>The husband / by Vera Sadpary.-- Harper &amp; Brothers; c1957.</t>
  </si>
  <si>
    <t>Murder of an owl / by Glyn Carr.-- Geoffrey Bles; 1956.</t>
  </si>
  <si>
    <t>823.91/St9</t>
  </si>
  <si>
    <t>The man in room 3 / by Antony Carr.-- Cassell  &amp; company; 1958.-- (Crime connoisseur books).</t>
  </si>
  <si>
    <t>The craft of crime : conversations with crime writers / John C. Carr.-- Houghton Mifflin; 1983.</t>
  </si>
  <si>
    <t>809.387/C22</t>
  </si>
  <si>
    <t>The devil in velvet / by John Dickson Carr.-- Hamish Hamilton ; 1951.</t>
  </si>
  <si>
    <t>The third bullet : and other stories / John Dickson Carr.-- Hamish Hamilton ; 1954.</t>
  </si>
  <si>
    <t>Captain Cut-throat / by John Dickson Carr.-- Hamish Hamilton ; 1955.</t>
  </si>
  <si>
    <t>Patrick Butler for the defence / John Dickson Carr.-- Hamish Hamilton ; 1956.</t>
  </si>
  <si>
    <t>Captain cut-throat / by John Dickson Carr.-- Harper &amp; Brothers ; 1955.</t>
  </si>
  <si>
    <t>Patrick Butler for the defence : a detective novel / by John Dickson Carr.-- Harper &amp; Brothers ; 1956.</t>
  </si>
  <si>
    <t>Dark of the moon / John Dickson Carr.-- Harper &amp; Row ; 1967.</t>
  </si>
  <si>
    <t>John Dickson Carr : a critical study / S.T. Joshi ; pbk..-- Bowling Green State University Popular Press; c1990.</t>
  </si>
  <si>
    <t>813.5/C22/j</t>
  </si>
  <si>
    <t>Alice's adventures in wonderland ; and Through the looking glass / Lewis Carrol ; with ninethy-two illustrations by John Tenniel.-- Penguin ; 197-.-- (a Puffin Book).</t>
  </si>
  <si>
    <t>823.8/C22</t>
  </si>
  <si>
    <t>The annotated Alice : Alice's adventures in Wonderland ; and, Through the looking glass / by Lewis Carroll ; illustrated by John Tenniel ; with an introduction and notes by Martin Gardner.-- Rev. ed.-- Penguin; 1970.</t>
  </si>
  <si>
    <t>Alice's adventures under ground : facsimile of the author's manuscript book with additional material from the facsimile edition of 1886 / by Lewis Carroll ; with a new introduction by Martin Gardner.-- Dover Publications; 1965.</t>
  </si>
  <si>
    <t>The annotated Alice : Alice's adventures in Wonderland and Through the looking glass / by Lewis Carroll ; illustrations by John Tenniel ; with an introduction and notes by Martin Gardner.-- Bramhall House ; c1960.</t>
  </si>
  <si>
    <t>Lewis Carroll's Alice in Wonderland / Illustrated by Ralph Steadman.-- Clarkson N. Potter; c1973.</t>
  </si>
  <si>
    <t>823.8/C22/s</t>
  </si>
  <si>
    <t>Aspects of Alice : Lewis Carroll's dreamchild as seen through the critics' looking-glasses, 1865-1971 / edited by Robert Phillips ; [illustrations by Sir John Tenniel and Lewis Carroll].-- Penguin; 1974, c1971.</t>
  </si>
  <si>
    <t>823.8/C22/p</t>
  </si>
  <si>
    <t>Aspects of Alice : Lewis Carroll's dreamchild as seen through the critics' looking-glasses, 1865-1971 / Edited by Robert Phillips ; Illustrations by Sir John Tenniel and Lewis Carroll.-- Vintage Books ; 1977, c1971.</t>
  </si>
  <si>
    <t>The unknown Lewis Carroll : eight major works and many minor / edited by Stuart Dodgson Collingwood.-- Dover Publications; c1961.</t>
  </si>
  <si>
    <t>823.8/C22/c</t>
  </si>
  <si>
    <t>Lewis Carroll and his world / John Pudney.-- Thames &amp; Hudson; c1976.</t>
  </si>
  <si>
    <t>The magic of Lewis Carroll / edited by John Fisher.-- Nelson; c1973.</t>
  </si>
  <si>
    <t>823.8/C22/f</t>
  </si>
  <si>
    <t>Lewis Carroll observed : a collection of unpublished photographs, drawings, poetry, and new essays / edited by Edward Guiliano for the Lewis Carroll Society of North America.-- Clarkson N. Potter; c1976.</t>
  </si>
  <si>
    <t>Lewis Carroll's througe the looking glass and what Alice found there / illustrated by Ralph Steadman.-- Clarkson N. Potter; c1973.</t>
  </si>
  <si>
    <t>The illustrators of Alice in Wonderland and Through the looking glass / edited by Graham Ovenden ; with an introduction by John Davis.-- Academy Editions.</t>
  </si>
  <si>
    <t>823.8/C22/o</t>
  </si>
  <si>
    <t>Anthologie du conte fantastique français / [présenté par] Pierre-Georges Castex ; : pbk.-- 3e réimpression.-- Librairie José Corti ; 1972, c1963.</t>
  </si>
  <si>
    <t>840.8/C25</t>
  </si>
  <si>
    <t>The king in yellow : and other horror stories / by Robert W. Chambers ; selected, with an introduction, by E.F. Bleiler.-- Dover Publications; 1970.-- (Dover fiction, science fiction, ghost stories, and adventure ficiton).</t>
  </si>
  <si>
    <t>813.5/C32</t>
  </si>
  <si>
    <t>The novels of John le Carré : the art of survival / David Monaghan.-- Basil Blackwell; 1985.</t>
  </si>
  <si>
    <t>823.91/L46/m</t>
  </si>
  <si>
    <t>The creation of tomorrow : fifty years of magazine science fiction / Paul A. Carter.-- Columbia University Press; 1977.</t>
  </si>
  <si>
    <t>Brothers in law / Henry Cecil.-- Michael Joseph; 1955.</t>
  </si>
  <si>
    <t>Farewell, my lovely : a mystery / by Raymond Chandler.-- World Publishing Co.; 1944, c1940.-- (A tower mystery).</t>
  </si>
  <si>
    <t>Poodle Springs / Raymond Chandler and Robert B. Parker.-- G. P. Putnam's Sons; c1989.</t>
  </si>
  <si>
    <t>Raymond Chandler and film / William Luhr ; : pbk.-- Frederick Ungar Publishing Co.; c1982.-- (Ungar film library).</t>
  </si>
  <si>
    <t>813.5/C33/l</t>
  </si>
  <si>
    <t>The world of Raymond Chandler / edited by Miriam Gross ; introduction by Patricia Highsmith.-- Weidenfeld and Nicolson; c1977.</t>
  </si>
  <si>
    <t>813.5/C33/g</t>
  </si>
  <si>
    <t>Raymond Chandler : a descriptive bibliography / Matthew J. Bruccoli.-- University of Pittsburgh Press; 1979.-- (Pittsburgh series in bibliography).</t>
  </si>
  <si>
    <t>813.5/C33/b</t>
  </si>
  <si>
    <t>The high window / Raymond Chandler.-- Alfred A. Knopf ; 1945, c1942.-- (A black widow thriller).</t>
  </si>
  <si>
    <t>Spanish blood : a collection of short stories / by Raymond Chandler.-- The World Publishing Company; c1946.-- (Tower books ).</t>
  </si>
  <si>
    <t>Red wind : a collection of short stories / Raymond Chandler.-- The World Publishing Company; c1946.-- (Tower books ).</t>
  </si>
  <si>
    <t>Raymond Chandler's mystery omnibus.-- The World Publishing Company; 1944, c1940.-- (Forum Books ).</t>
  </si>
  <si>
    <t>The blue dahlia : a screenplay / Raymond Chandler ; with a memoir by John Houseman ; edited, with an afterword by Matthew J. Bruccoli.-- Southern Illinois University Press; c1976.</t>
  </si>
  <si>
    <t>791.437/C33</t>
  </si>
  <si>
    <t>Hardboiled burlesque : Raymond Chandler's comic style / by Keith Newlin.-- Brownstone Books ; c1984.-- (The Brownstone chapbook series ; v. 1).</t>
  </si>
  <si>
    <t>813.5/C33/n</t>
  </si>
  <si>
    <t>The midnight Raymond Chandler / with an introduction by Joan Kahn.-- Houghton Mifflin; 1971.</t>
  </si>
  <si>
    <t>Raymond Chandler : a checklist / by Matthew J. Bruccoli.-- Kent State University Press; c1968.-- (The Serif series).</t>
  </si>
  <si>
    <t>The notebooks of Raymond Chandler and English summer : a gothic romance / by Raymond Chandler ; illustrated by Edward Gorey ; edited by Frank MacShane.-- Ecco Press; 1976.</t>
  </si>
  <si>
    <t>Raymond Chandler's Philip Marlowe : a centennial celebration / Byron Preiss, editor.-- Alfred A. Knopf; 1988.-- (A Byron Preiss book).</t>
  </si>
  <si>
    <t>813.5/C33/p</t>
  </si>
  <si>
    <t>The devil's voyage / Jack L. Chalker.-- Doubleday; 1981.</t>
  </si>
  <si>
    <t>813.5/C31</t>
  </si>
  <si>
    <t>I would rather stay poor / James Hadley Chase.--  Robert Hale Ltd; 1962.</t>
  </si>
  <si>
    <t>Vendetta for the Saint / Leslie Charteris.-- Doubleday &amp; Company Inc.; c1964.</t>
  </si>
  <si>
    <t>Leslie Charteris och Helgonet, under 5 decennier : en bio-bibliografi / av Jan Alexandersson &amp; Iwan Hedman.-- DAST ; 1973.-- (DAST dossier ; nr 2).</t>
  </si>
  <si>
    <t>813.5/C35/a</t>
  </si>
  <si>
    <t>Follow the Saint / Leslie Charteris.-- Pub. for the Crime Club by Doubleday, Doran &amp; Co., INC.; 1938.</t>
  </si>
  <si>
    <t>G.K. Chesterton : a centenary appraisal / edited by John Sullivan.-- Paul Elek; 1974.</t>
  </si>
  <si>
    <t>823.91/C39/s</t>
  </si>
  <si>
    <t>The man who knew too much : and other stories / by G. K. Chesterton.-- [Popular ed.].-- Cassell nad Company, Ltd; 1923.</t>
  </si>
  <si>
    <t>George Bernard shaw / by Gilbert K. Chesterton.-- John Lane The Bodley Head ; 1914.</t>
  </si>
  <si>
    <t>You'd be surprised / by Peter Cheyney.-- Collins; 1940.</t>
  </si>
  <si>
    <t>Hercule Poirot's early cases / Agatha Christie.-- Dodd, Mead &amp; Company; c1974.</t>
  </si>
  <si>
    <t>They do it with mirrors / by Agatha Christie.-- Published for the Crime Club by Collins  ; 1955.-- (A Crime Club ).</t>
  </si>
  <si>
    <t>Ten little Niggers : a play in three acts / by Agatha Christie.-- Samuel French; c1944.</t>
  </si>
  <si>
    <t>Sleeping murder : Miss Marple's last case / Agatha Christie.-- William Collins Sons &amp; Co.; 1976.-- (Collins Crime Club).</t>
  </si>
  <si>
    <t>Mrs. McGinty's dead.-- Published for the Crime Club by Collins; 1952.</t>
  </si>
  <si>
    <t>Akhnaton : a play in three acts / Agatha Christie.-- Collins; 1973.</t>
  </si>
  <si>
    <t>Curtain : Poirot's last case / Agatha Christie.-- Collins; 1975.</t>
  </si>
  <si>
    <t>The burden / by  Mary Westmacott.-- William Heinemann; 1956.</t>
  </si>
  <si>
    <t>The burden : a novel of romance and suspense / by Mary Westmacott, also known to millions throughout the world as Agatha Christie.-- Arbor House ; [19--].</t>
  </si>
  <si>
    <t>Giants' bread : a novel of romance and suspense / by Mary Westmacott, also known to millions throughout the world as Agatha Christie.-- Arbor House ; c1958.</t>
  </si>
  <si>
    <t>Postern of fate / Agatha Christie.-- Crime Club : William Collins Sons &amp; Co.; 1973.</t>
  </si>
  <si>
    <t>A talent to deceive : an appreciation of Agatha Christie / Robert Barnard.-- Dodd, Mead &amp; Co.; c1980.</t>
  </si>
  <si>
    <t>823.91/C58/b</t>
  </si>
  <si>
    <t>Studies in Agatha Christie's writings : the behaviour of a good (great) deal, a lot, lots, much, plenty, many, a good (great) many / by Frank Behre.-- Acta Universitatis Gothoburgensis; 1967.-- (Gothenburg studies in English ; 19).</t>
  </si>
  <si>
    <t>The gentle art of murder : the detective fiction of Agatha Christie / Earl F. Bargainnier.-- Bowling Green University Popular Press; c1980.</t>
  </si>
  <si>
    <t>Andy East's Agatha Christie quizbook / Andy East.-- Drake Publishers; 1975.</t>
  </si>
  <si>
    <t>The Agatha Christie companion / Russel H. Fitzgibbon.-- Bowling Green State University Popular Press; c1980.</t>
  </si>
  <si>
    <t>Agatha Christie : the woman and her mysteries / Gillian Gill.-- Free Press; c1990.</t>
  </si>
  <si>
    <t>823.91/C58/g</t>
  </si>
  <si>
    <t>Mystery and its fictions : from Oedipus to Agatha Christie / David I. Grossvogel.-- Johns Hopkins University Press; c1979.</t>
  </si>
  <si>
    <t>809.387/G88</t>
  </si>
  <si>
    <t>Agatha Christie : first lady of crime / edited by H.R.F. Keating.-- Weidenfeld and Nicolson; 1977.</t>
  </si>
  <si>
    <t>823.91/C58/k</t>
  </si>
  <si>
    <t>The mousetrap and other plays / by Agatha Christie ; Intoroduction by Ira Levin.-- Dodd, Mead &amp; Company; c1978.</t>
  </si>
  <si>
    <t>Murder she wrote : a study of Agatha Christie's detective fiction / Patricia D. Maida, Nicholas B. Spornick ; : pbk.-- Bowling Green State University Popular Press; c1982.</t>
  </si>
  <si>
    <t>823.91/C58/m</t>
  </si>
  <si>
    <t>Agatha Christie : a biography / Janet Morgan.-- Collins; 1984.</t>
  </si>
  <si>
    <t>The Agatha Christie mystery / Derrick Murdoch.-- Pagurian Press; c1976.</t>
  </si>
  <si>
    <t>The life and crimes of Agatha Christie / Charles Osborne.-- Holt, Rinehart and Winston; 1983.</t>
  </si>
  <si>
    <t>823.91/C58/o</t>
  </si>
  <si>
    <t>Agatha Christie : mistress of mystery / by G.C. Ramsey.-- Dodd, Mead; c1967.</t>
  </si>
  <si>
    <t>823.91/C58/r</t>
  </si>
  <si>
    <t>The mystery of Agatha Christie / Gwen Robyns.-- Doubleday; 1978.</t>
  </si>
  <si>
    <t>The New bedside, bathtub &amp; armchair companion to Agatha Christie / edited by Dick Riley and Pam McAllister ; additional material edited by Pam McAllister and Bruce Cassiday ; foreword by Julian Symons ; pbk..-- 2nd ed.-- Ungar; c1986.</t>
  </si>
  <si>
    <t>Agatha Christie trivia / by Richard T. Ryan.-- Quinlan Press; c1987.</t>
  </si>
  <si>
    <t>Agatha Christie, "Duchesse de la Mort" / François Rivière.-- Seuil; c1981.-- (Fiction &amp; Cie).</t>
  </si>
  <si>
    <t>The Agatha Christie companion : the complete guide to Agatha Christie's life and work / Dennis Sanders &amp; Len Lovallo.-- Delacorte; c1984.</t>
  </si>
  <si>
    <t>823.91/C58/s</t>
  </si>
  <si>
    <t>The Agatha Christie who's who / compiled by Randall Toye ; [edited by Katherine Koller ; illustrations by Ron Berg].-- Holt, Rinehart and Winston; c1980.</t>
  </si>
  <si>
    <t>823.91/C58/t</t>
  </si>
  <si>
    <t>The Agatha Christie companion : the complete guide to Agatha Christie's life and work / Dennis Sanders &amp; Len Lovallo.-- Rev. ed.-- Berkley Books; c1989.</t>
  </si>
  <si>
    <t>An autobiography / Agatha Christie.-- Collins; 1977.</t>
  </si>
  <si>
    <t>The Agatha Christie centenary / [editor]Lyna Underwood ; pbk.-- Belgrave Publishing for Agatha Christie Centenary Trust; [1990?].</t>
  </si>
  <si>
    <t>823.91/C58/u</t>
  </si>
  <si>
    <t>All men are lonely now / by Francis Clifford.-- Hodder &amp; Stoughton; 1967.</t>
  </si>
  <si>
    <t>Pictures in the fire / John Collier.-- Rupert Hart-Davis; 1958.</t>
  </si>
  <si>
    <t>The case of the philosophers' ring / by Dr. John B. Watson ; unearthed by Randall Collins.-- Crown Publishers; c1978.</t>
  </si>
  <si>
    <t>Armadale / Wilkie Collins.-- Zodiac Press; 1975.</t>
  </si>
  <si>
    <t>Basil / Wilkie Collins ; pbk..-- Dover Publications; 1980.</t>
  </si>
  <si>
    <t>Armadale / by Wilkie Collins.-- Dover Publications; 1977.</t>
  </si>
  <si>
    <t>The woman in white / by Wilkie Collins.-- Blackie &amp; Son; [1---].</t>
  </si>
  <si>
    <t>Tales of terror and the supernatural / Wilkie Collins ; selected and introduced by Herbert van Thal.-- Dover Publications; 1972.</t>
  </si>
  <si>
    <t>Columbo / by Alfred Lawrence ; [1], 2.-- Popular Library; c1972-c1975.-- (Popular library).</t>
  </si>
  <si>
    <t>813.5/L43</t>
  </si>
  <si>
    <t>The Columbo phile : a casebook / Mark Dawidziak.-- Mysterious Press; c1989.</t>
  </si>
  <si>
    <t>791/D47</t>
  </si>
  <si>
    <t>The sweepstake murders / by J. J. Connington [pseud.].-- Little, Brown, and company; 1932.</t>
  </si>
  <si>
    <t>823.91/C86</t>
  </si>
  <si>
    <t>Trouble is their business : private eyes in fiction, film, and television, 1927-1988 / John Conquest ; alk. paper.-- Garland Pub.; 1990.-- (Garland reference library of the humanities ; vol. 1151).</t>
  </si>
  <si>
    <t>809.387/C86</t>
  </si>
  <si>
    <t>Index to science fiction : anthologies and collections / William Contento.-- G. K. Hall; c1978.-- (A Reference publication in science fiction).</t>
  </si>
  <si>
    <t>Madame Maigret's Recipes / presented by Robert J. Courtine ; with a letter-pref. by Georges Simenon ; translated from the French by Mary Manheim ; drawings by Nikolaus E. Wolff ; wine glossary by Jack Lang.-- Harcourt Brace Jovanovich; [1975].-- (A Helen and Kurt Wolff book).</t>
  </si>
  <si>
    <t>641.5/C89</t>
  </si>
  <si>
    <t>Mystery, detective, and espionage magazines / Michael L. Cook.-- Greenwood Press; 1983.-- (Historical guides to the world's periodicals and newspapers).</t>
  </si>
  <si>
    <t>809.387/C87</t>
  </si>
  <si>
    <t>Mystery fanfare : a composite annotated index to mystery and related fanzines, 1963-1981 / Michael L. Cook ; pbk..-- Bowling Green University Popular Press; c1983.</t>
  </si>
  <si>
    <t>Best SF : science fiction stories / edited with an ibtroduction by Edmund Crispin.-- Faber &amp; Faber; 1955.</t>
  </si>
  <si>
    <t>808.83/C92</t>
  </si>
  <si>
    <t>Mystery on Southampton water / by Freeman Wills Crofts.-- Hodder and Stoughton, ltd.; 1934.</t>
  </si>
  <si>
    <t>The Hog's Back mystery / by Freeman Wills Crofts.-- Hodder and Stoughton Ltd.; 1933.</t>
  </si>
  <si>
    <t>Antidote to venom / Freeman Wills Crofts.-- House Of Stratus ; 2001.</t>
  </si>
  <si>
    <t>The box office murders / Freeman Wills Croft[s].-- Collins [for] the Crime Club; 1972, c1929.</t>
  </si>
  <si>
    <t>Inspector French and the Cheyne mystery / Freeman Wills Crofts.-- Collins [for] the Crime Club; 1971.</t>
  </si>
  <si>
    <t>The pit-prop syndicate / Freeman Wills Crofts.-- Collins; 1966, c1922.</t>
  </si>
  <si>
    <t>The Groote Park murder / Freeman Wills Crofts.-- Collins; 1967, c1924.</t>
  </si>
  <si>
    <t>Sir John Magill's last journey / Freeman Wills Crofts.-- Collins; 1966, c1930.</t>
  </si>
  <si>
    <t>Poetic justice / Amanda Cross.-- Alfred A. Knopf; 1970.</t>
  </si>
  <si>
    <t>The Theban mysteries  / Amanda Cross.-- Alfred A. Knopf; 1971.</t>
  </si>
  <si>
    <t>The James Joyce murder / by Amanda Cross.-- Macmillan; c1967.-- (A Cook Robin mystery).</t>
  </si>
  <si>
    <t>Third party risk / by Guy Cullingford.-- Ian Henry Publications Ltd; 1976.</t>
  </si>
  <si>
    <t>A touch of drama / by Guy Cullingford.-- Hammond, Hammond &amp; Company; 1960.-- (Cloak and dagger mysteries).</t>
  </si>
  <si>
    <t>Conjurer's coffin / by Guy Cullingford.-- Hammond, Hammond &amp; Company; c1954.-- (Cloak and dagger mysteries).</t>
  </si>
  <si>
    <t>The whipping boys / by Guy Cullingford.-- Hammond, Hammond &amp; Company; c1958.-- (Cloak and dagger mysteries).</t>
  </si>
  <si>
    <t>Post mortem / by Guy Cullingford.-- J. B. Lippincot Co.; c1953.</t>
  </si>
  <si>
    <t>Someone like you / Roald Dahl.-- Pocket Books; 1972, c1953.-- (Pocket Books ; 77485).</t>
  </si>
  <si>
    <t>823.91/D13</t>
  </si>
  <si>
    <t>The BFG / Roald Dahl ; illustrated by Quentin Blake.-- Puffin Books; 1984.</t>
  </si>
  <si>
    <t>Roald Dahl's Charlie and the great glass elevator : a play / adapted by Richard R. George / introduction by Roald Dahl.-- Puffin Books; 1984.</t>
  </si>
  <si>
    <t>812.5/G35</t>
  </si>
  <si>
    <t>A helping hand / by Celia Dale.-- Penguin; 1969.-- (Penguin books).</t>
  </si>
  <si>
    <t>823.91/D32</t>
  </si>
  <si>
    <t>Deadly nightshade / by Elizabeth Daly.-- Bantam Books ; 1947, c1940.-- (A Henry Gamadge mystery).</t>
  </si>
  <si>
    <t>Evidence of things seen / Elizabeth Daly.-- Bantam Books ; 1945, c1943.-- (A Henry Gamadge mystery).</t>
  </si>
  <si>
    <t>Any shape or form / by Elizabeth Daly.-- Bantam Books ; 1950, c1945.-- (Bantam Books  ; 811).</t>
  </si>
  <si>
    <t>The book of the crime / Elizabeth Daly.-- Bantam Books ; 1983, c1951.-- (A Henry Gamadge mystery).</t>
  </si>
  <si>
    <t>Arrow pointing nowhere / Elizabeth Daly.-- Berkley  Publishing Corp.; c1944.-- (A Henry Gamadge mystery).</t>
  </si>
  <si>
    <t>And dangerous to know / by Elizabeth Daly.-- The American Mercury ; 19--.-- (A Murray mystery ; 151).</t>
  </si>
  <si>
    <t>Evidence of thing seen / Elizabeth Daly.-- Bantam Book; c1983.-- (A Bantam Book).</t>
  </si>
  <si>
    <t>Wrong way down / Elizabeth Daly.-- Bantam Book; c1983.-- (A Bantam Book).</t>
  </si>
  <si>
    <t>The fifth Fontana book of great horror stories / edited by Mary Danby.-- Collins : Fontana; 1970.-- (Fontana books).</t>
  </si>
  <si>
    <t>823.087/H89/5</t>
  </si>
  <si>
    <t>The sixth Fontana book of great horror stories / edited by Mary Danby.-- Collins : Fontana; 1971.-- (Fontana books).</t>
  </si>
  <si>
    <t>823.087/H89/6</t>
  </si>
  <si>
    <t>3rd Armada ghost book / edited by Mary Danby ; illustrated by Peter Archer.-- Armada; c1970.</t>
  </si>
  <si>
    <t>823.91/A79/3</t>
  </si>
  <si>
    <t>The rape of a town / Norman Daniels.-- Pyramid; c1970.-- (Pyramid Books).</t>
  </si>
  <si>
    <t>The rape of a town / Norman Daniels.-- Pyramid; c1971.-- (Pyramid Books).</t>
  </si>
  <si>
    <t>Welcome death / by Glyn Daniel.-- Penguin; 1962, c1954.-- (Penguin books ; 1743).</t>
  </si>
  <si>
    <t>823.91/D37</t>
  </si>
  <si>
    <t>Return to the stars : evidence for the impossible / by Erich von Däniken ; translated by Michael Heron.-- Transworld Publishers; 1972.</t>
  </si>
  <si>
    <t>001.94/D37</t>
  </si>
  <si>
    <t>Operation ice cap / James Dark.-- The New American Library ; c1969.-- (A Signet book ; P3862).</t>
  </si>
  <si>
    <t>823.91/D41</t>
  </si>
  <si>
    <t>Come die with me / James Dark.-- The New American Library ; c1965.-- (A Signet book ; D2741).</t>
  </si>
  <si>
    <t>The invisibles / James Dark.-- The New American Library ; c1969.-- (A Signet book ; P3956).</t>
  </si>
  <si>
    <t>Great escapes / Selected and edited by Basil Davenport.-- The New American Library; 1953.-- (A Signet book ; C118).</t>
  </si>
  <si>
    <t>909/D46</t>
  </si>
  <si>
    <t>A touch of stageflight / Jocelyn Davey.-- Penguin; 1963.-- (Penguin crime ; C1880).</t>
  </si>
  <si>
    <t>823.91/D46</t>
  </si>
  <si>
    <t>A tresury alarm / Jocelyn Davey.-- Avon Books; c1976.-- (Avon).</t>
  </si>
  <si>
    <t>The Judas cat / by Dorothy Salisbury Davis.-- Bantam ed.-- Bantam Books; 1951, c1949.-- (Bantam books ; 927).</t>
  </si>
  <si>
    <t>813.5/D46</t>
  </si>
  <si>
    <t>The Clay hand / by Dorothy Salisbury Davis.-- Bantam ed.-- Bantam Books; 1952.-- (Bantam books ; 1013).</t>
  </si>
  <si>
    <t>A death in the life / Dorothy Salisbury Davis.-- Avon Books; 1977, c1976.-- (Avon books ; 57372).</t>
  </si>
  <si>
    <t>God speed the night / by Dorothy Salisbury Davis and Jerome Ross.-- Bantam Books; 1970, c1968.-- (Bantam books ; N4871 . Novel).</t>
  </si>
  <si>
    <t>The megacull / Duff Hart-Davis.-- Pan Books; 1971.</t>
  </si>
  <si>
    <t>823.91/H33</t>
  </si>
  <si>
    <t>Where murder waits / Gordon Davis.-- Fawcett Publications; c1965.</t>
  </si>
  <si>
    <t>813.5/H98</t>
  </si>
  <si>
    <t>The voice on the telephone / Mildred Davis.-- A Macfadden-Bartell Book; 1965.</t>
  </si>
  <si>
    <t>The room upstairs / Mildred Davis.-- Avon Publishing; c1948.-- (Avon  ; PN254).</t>
  </si>
  <si>
    <t>Three minutes to midnight / Mildred Davis.-- Dell; c1971.</t>
  </si>
  <si>
    <t>The ten commandments / A. Powell Davies.-- New American Library of World Literature; 1957, c1956.-- (signet key books ; Ks343).</t>
  </si>
  <si>
    <t>241/D46</t>
  </si>
  <si>
    <t>A murder by marriage / by Robert George Dean.-- Bantam Books; 1945.-- (Bantam books ; 6).</t>
  </si>
  <si>
    <t>The hog murders / William L. DeAndrea.-- Avon; 1979.</t>
  </si>
  <si>
    <t>The Swedish crime story = Svenska deckare / Bo Lundin ; [translation, Anna Lena Ringarp, Ralph A. Wilson, Bo Lundin] ; pbk..-- Tidskriften Jury; c1981.</t>
  </si>
  <si>
    <t>839.7/L97</t>
  </si>
  <si>
    <t>Babel-17 / Samuel R. Delany.-- Ace Books; c1966.-- (ace book ; 04591).</t>
  </si>
  <si>
    <t>813.5/D55</t>
  </si>
  <si>
    <t>The big water / by Mark Derby.-- Perma Books; 1955.</t>
  </si>
  <si>
    <t>823.91/D63</t>
  </si>
  <si>
    <t>No future for Luana / August Derleth.-- C. Scribner's sons; 1945.</t>
  </si>
  <si>
    <t>813.5/D63</t>
  </si>
  <si>
    <t>The mask of Cthulhu / August Derleth.-- Beagle Books; c1958.</t>
  </si>
  <si>
    <t>The trail of Cthulhu / August Derleth.-- Panther; c1976.</t>
  </si>
  <si>
    <t>The adventures of Solar Pons / August Derleth.-- Futura Publications; c1973.</t>
  </si>
  <si>
    <t>Deadline / Thomas B. Dewey.-- Carroll &amp; Graf Publishers; c1966.</t>
  </si>
  <si>
    <t>813.5/D67</t>
  </si>
  <si>
    <t>Regarding Sherlock Holmes / August Derleth.-- Pinnacle Books ; 1974, c1945.-- (The adventures of Solar Pons  ; 1).</t>
  </si>
  <si>
    <t>The chronicles of Solar Pons / August Derleth.-- Pinnacle Books ; 1974, c1973.-- (The adventures of Solar Pons  ; 2).</t>
  </si>
  <si>
    <t>The memoirs of Solar Pons / by August Derleth.-- Pinnacle Books ; 1975, c1951.-- (The Solar Pons series ; 3).</t>
  </si>
  <si>
    <t>The casebook of Solar Pons / August Derleth.-- Pinnacle Books ; 1975, c1965.-- (The Solar Pons series ; 4).</t>
  </si>
  <si>
    <t>The reminiscences of Solar Pons / August Derleth.-- Pinnacle Books ; 1975, c1961.-- (The Solar Pons series ; 5).</t>
  </si>
  <si>
    <t>The return of Solar Pons / August Derleth.-- Pinnacle Books ; 1975, c1958.-- (The Solar Pons series ; 6).</t>
  </si>
  <si>
    <t>Mr. Fairlie's final journey / August Derleth.-- Pinnacle Books ; 1976, c1968.-- (The Solar Pons series ; 7).</t>
  </si>
  <si>
    <t>The wench is dead / Colin Dexter.-- Pan : Macmillan ; 1990.-- (pan crime).</t>
  </si>
  <si>
    <t>823.91/D68</t>
  </si>
  <si>
    <t>Testkill / Ted Dexter and Clifford Makins.-- Penguin; 1977.-- (Penguin crime fiction ).</t>
  </si>
  <si>
    <t>The weathermonger / by Peter Dickinson.-- Penguin; 1970.</t>
  </si>
  <si>
    <t>823.91/D72</t>
  </si>
  <si>
    <t>Heartsease / Peter Dickinson ; illustrated by Robert Hales.-- Penguin; [1970].</t>
  </si>
  <si>
    <t>The old English peep show / Peter Dickinson.-- Ace Publishing Co.; 19--.-- (An Ace book ; 14155).</t>
  </si>
  <si>
    <t>The green gene / Peter Dickinson.-- Panther ; 1974, c1973.-- (Panther science fiction).</t>
  </si>
  <si>
    <t>Black Alice / Thomas M. Disch and John T. Sladek.-- Panther Books; 1970.</t>
  </si>
  <si>
    <t>813.5/D78</t>
  </si>
  <si>
    <t>Last man at Arlington / Joseph DiMona.-- Dell Publishing Co.; 1978.-- (A Dell Book).</t>
  </si>
  <si>
    <t>813.5/D75</t>
  </si>
  <si>
    <t>The Benedict Arnold connection / Joseph DiMona.-- Sphere Books Ltd.; 1978.</t>
  </si>
  <si>
    <t>Do unto others / Doris Miles Disney.-- MacFadden-Bartell Book; 1970.</t>
  </si>
  <si>
    <t>The 17th letter / by Dorothy Cameron Disney.-- Editions for the Armed Services; c1945.-- (Armed services editions ; 675).</t>
  </si>
  <si>
    <t>The hangman's tree / by Dorothy Cameron Disney.--  Bantam Books; 1951, c1949.-- (A Bantam book ; 863).</t>
  </si>
  <si>
    <t>SaraSaratoga swimmer / Stephen Dobyns.-- Penguin; 1983, c1981.-- (Penguin crime fiction).</t>
  </si>
  <si>
    <t>813.5/D81</t>
  </si>
  <si>
    <t>Aristotle detective / Margaret Doody.-- Penguin; 1981, c1978.-- (Penguin crime fiction).</t>
  </si>
  <si>
    <t>823.91/D86</t>
  </si>
  <si>
    <t>To catch a thief / by Daid Dodge.-- Dell Pub. Co; 19--.-- (A Dell mystery  ; 658).</t>
  </si>
  <si>
    <t>Le gorille vous salue bien / Antoine Dominique.-- Gallimard; 1970, c1954.-- (Le livre de poche ; 2784).</t>
  </si>
  <si>
    <t>843.91/D85</t>
  </si>
  <si>
    <t>Gorille sur champ d'azur / A. -L.Dominique.-- Gallimard; 1971, c1955.-- (Le livre de poche ; 3256).</t>
  </si>
  <si>
    <t>Lord foul's bane / Stephen R. Donaldson.-- Fontana/Collins ; 1978, c1977.-- (The first chronicles of Thomas Covenant, the unbeliever ; 1).</t>
  </si>
  <si>
    <t>813.5/D85</t>
  </si>
  <si>
    <t>The illearth war / Stephen Donaldson.-- Fontana/Collins ; 1978, c1977.-- (The first chronicles of Thomas Covenant, the unbeliever ; 2).</t>
  </si>
  <si>
    <t>The power that preserves / Stephen Donaldson.-- Fontana/Collins ; 1978, c1977.-- (The first chronicles of Thomas Covenant, the unbeliever ; 3).</t>
  </si>
  <si>
    <t>The Pocket book of ghost stories : great stories of haunting and horror / edited, and with an introduction by Philip Van Doren Stern.-- Pocket Books; 1947, c1942.-- (A Pocket book ; 384 ).</t>
  </si>
  <si>
    <t>808.83/St5</t>
  </si>
  <si>
    <t>Rebecca's pride / Donald McNutt Douglass.-- Carroll &amp; Graf ; 1984, c1956.-- (Carroll and Graf Mystery).</t>
  </si>
  <si>
    <t>Murder man / Thomas Downs ; pbk..-- Dell Publishing Co.; 1984.-- (A dell book).</t>
  </si>
  <si>
    <t>813.5/D89</t>
  </si>
  <si>
    <t>The case book of Sherlock Holmes / by Sir Arthur Conan Doyle.-- Pocket Books; 1950.-- (Pocket book ; 670).</t>
  </si>
  <si>
    <t>The Sherlock Holmes pocket book / A. Conan Doyle.-- Pocket Books; 1950.-- (Pocket book ; 95).</t>
  </si>
  <si>
    <t>The adventures of Sherlock Holmes / Sir Arthur Conan Doyle.-- Berkley publishing corp.; 1963.-- (A berkley medallion bok ; S2029).</t>
  </si>
  <si>
    <t>The memoirs of Sherlock Holmes / Sir Arthur Conan Doyle.-- Berkley publishing corp.; 1963.-- (A berkley medallion bok ; S2030).</t>
  </si>
  <si>
    <t>The case of Sherlock Holmes / Sir Arthur Conan Doyle.-- Berkley publishing corp.; 1964.-- (A berkley medallion bok ; X946).</t>
  </si>
  <si>
    <t>The return of Sherlock Holmes / Sir Arthur Conan Doyle.-- Berkley publishing corp.; 1963.-- (A berkley medallion bok).</t>
  </si>
  <si>
    <t>The valley of fear / Sir Arthur Conan Doyle.-- Berkley publishing corp.; 1964.-- (A berkley medallion bok ; X2123).</t>
  </si>
  <si>
    <t>The hound of the Baskervilles / Sir Arthur Conan Doyle.-- Berkley publishing corp.; 1971.-- (A berkley medallion bok).</t>
  </si>
  <si>
    <t>The adventures of Sherlock Holmes / Sir Arthur Conan Doyle ; pbk.-- Panther; c1984.</t>
  </si>
  <si>
    <t>Sherlock Holmes' greatest cases / by Sir Arthur Conan Doyle ; introduction by Howard Haycraft.-- Bantam Books; 1968.-- (Bantam books ; N3825).</t>
  </si>
  <si>
    <t>Adventures of Shrrlock Holmes / A. Conan Doyle.-- Ballantine Books; 1975, c1892.-- (Ballantine mystery classic ; 24716).</t>
  </si>
  <si>
    <t>Memoirs of Shrrlock Holmes / A. Conan Doyle.-- Ballantine Books; 1975, c1893.-- (Ballantine mystery classic ; 24717).</t>
  </si>
  <si>
    <t>The sign of the four / A. Conan Doyle.-- Ballantine Books; 1975, c1889.-- (Ballantine mystery classic ; 24715).</t>
  </si>
  <si>
    <t>The hound of the Baskervilles / A. Conan Doyle.-- Ballantine Books; 1975, c1902.-- (Ballantine mystery classic ; 24718).</t>
  </si>
  <si>
    <t>A study in scarlet / A. Conan Doyle.-- Ballantine Books; 1975, c1893.-- (Ballantine mystery classic ; 24714).</t>
  </si>
  <si>
    <t>The uncollected Sherlock Holmes / Sir Arthur Conan Doyle ; compiled by Richard Lancelyn Green.-- Penguin; 1983.-- (Penguin books).</t>
  </si>
  <si>
    <t>The final adventures of Sherlock Holmes : completing the canon / by Sir Arthur Conan Doyle ; collected and introduced by Peter Haining ; pbk.-- W.H. Allen; 1981.-- ( A Star book  ).</t>
  </si>
  <si>
    <t>The hound of the Baskervilles / Sir Arthur Conan Doyle.-- Dell publishing; 1959.-- (Dell ; D302).</t>
  </si>
  <si>
    <t>Tales of twilight and the unseen / A. Conan Doyle.-- John Murray; 1---.</t>
  </si>
  <si>
    <t>A study in scarlet and The sign of four / Sir Arthur Conan Doyle.-- Berkley publishing corp.; 1963.-- (A berkley medallion bok ; X1575).</t>
  </si>
  <si>
    <t>Man alone / by William Doyle with Scott O'Dell.-- Bantam Books; 1954.-- (Bantam books ; 1247).</t>
  </si>
  <si>
    <t>The medical center murders / Lisa Drake, with Otto Penzler.-- Pocket Books; 1984.-- (Whodunit mystery ; #2).</t>
  </si>
  <si>
    <t>Murder in Port Afrique / Bernard Victor Dryer.-- Avon Publications; c1949.</t>
  </si>
  <si>
    <t>813.5/D92</t>
  </si>
  <si>
    <t>Assassins on safari / David Duchi.-- Longman Kenya; 1983.</t>
  </si>
  <si>
    <t>813.5/D93</t>
  </si>
  <si>
    <t>Robin Hood : prince of outlaws / by Alexandre Dumas ; in a translation by LOwell Bair.-- Dell; c1961.-- (Dell ; 7469).</t>
  </si>
  <si>
    <t>843.7/D96</t>
  </si>
  <si>
    <t>Worth than murder / David Duncan.-- Pocket Books; 1954.-- (Pocket book ; 985).</t>
  </si>
  <si>
    <t>813.5/D97</t>
  </si>
  <si>
    <t>Beyond the fields we know / [by] Lord Dunsany; edited, with an introduction and notes, by Lin Carter.-- Ballantine; c1972.</t>
  </si>
  <si>
    <t>823.91/D97</t>
  </si>
  <si>
    <t>The charwoman's shadow / [by] Lord Dunsany ; introduction by Lin Carter.-- Ballantine; c1926.</t>
  </si>
  <si>
    <t>Don Rodriguez : chironicles of shadow valley / [by] Lord Dunsany ; introduction by Lin Carter.-- Ballantine; c1971.</t>
  </si>
  <si>
    <t>The king of Elfland's daughter / Lord Dunsany.-- Ballantine; c1969.</t>
  </si>
  <si>
    <t>Over the hills and far away / Lord Dunsany ; introduction by Lin Carter.-- Ballantine; c1974.</t>
  </si>
  <si>
    <t>Pour un bout de fromage / Ulf Durling ; traduit du Suédois par Asa Roussel.-- Librairie des Champs-Élysées; c1972.</t>
  </si>
  <si>
    <t>839.7/D98</t>
  </si>
  <si>
    <t>The pledge / Friedrich Dürrenmatt ; translated by Richard and Clara Winston.-- Penguin in association with Cape; 1964, c1959.-- (Penguin books ; C2195).</t>
  </si>
  <si>
    <t>833.91/D98</t>
  </si>
  <si>
    <t>The magic finger / Roald Dahl ; illustrated by William Pène Du Bois.-- Harper &amp; Row; c1966.</t>
  </si>
  <si>
    <t>Someon like you / Roald Dahl.-- Afred A. Knopf; 1966.</t>
  </si>
  <si>
    <t>Kiss kiss / Roald Dahl.-- Afred A. Knopf; 1960.</t>
  </si>
  <si>
    <t>Switch bitch / Roald Dahl.-- Knopf ; distributed by Random House; 1974.</t>
  </si>
  <si>
    <t>Mystery reader's walking guide, London / Alzina Stone Dale, Barbara Sloan Hendershott ; maps by John Babcock.-- Passport Books; c1987.</t>
  </si>
  <si>
    <t>914.21/D32</t>
  </si>
  <si>
    <t>The dangerous edge / Robert Daley.-- Simon and Schuster; c1983.</t>
  </si>
  <si>
    <t>813.5/D32</t>
  </si>
  <si>
    <t>Tales to be told in the dark : a selection of stories from the great authors, arranged for reading and telling aloud / edited by Basil Davenport.-- Dodd, Mead; 1953.</t>
  </si>
  <si>
    <t>823.087/D46</t>
  </si>
  <si>
    <t>The man in the queue / by Gordon Daviot.-- Methuen; 1929.-- (The Methuen club stories).</t>
  </si>
  <si>
    <t>Where the dark streets go / Dorothy Salisbury Davis.-- Charlse Scribner's Sons; c1969.</t>
  </si>
  <si>
    <t>Action cook book : Len Deighton's guide to eating / Len Deighton.-- Jonathan Cape; c1965.</t>
  </si>
  <si>
    <t>641.5/D53</t>
  </si>
  <si>
    <t>An expensive place to die : a novel / by Len Deighton.-- Jonathan Cape; 1967.</t>
  </si>
  <si>
    <t>823.91/D53</t>
  </si>
  <si>
    <t>Only when I larf / Len Deighton.-- Michael Joseph; 1968.</t>
  </si>
  <si>
    <t>An expensive place to die : a novel / by Len Deighton.-- Jonathan Cape; 1966.</t>
  </si>
  <si>
    <t>Len Deighton's London dossier / with contributions by Adrian Bailey...[et al.].-- Jonathan Cape; 1967.</t>
  </si>
  <si>
    <t>914.21/D53</t>
  </si>
  <si>
    <t>Funeral in Berlin / Len Deighton.-- Jonathan Cape; 1964.</t>
  </si>
  <si>
    <t>Horse under water / Len Deighton.-- Jonathan Cape; c1963.</t>
  </si>
  <si>
    <t>The IPCRESS file / Len Deighton.-- Hodder And Stoughton; 1962.</t>
  </si>
  <si>
    <t>Charles Dickens, and his world / J.B. Priestley.-- Thames &amp; Hudson; c1961.</t>
  </si>
  <si>
    <t>823.8/D72/p</t>
  </si>
  <si>
    <t>The mystery of Edwin Drood / an essay by Edmund Wilson, and other informative appendices.-- Collins; 1956.-- (New classics ; no.486).</t>
  </si>
  <si>
    <t>823.8/D72</t>
  </si>
  <si>
    <t>The hidden life of Emily Dickinson / John Evangelist Walsh.-- Simon and Schuster; c1971.</t>
  </si>
  <si>
    <t>811.4/D72/w</t>
  </si>
  <si>
    <t>Skin deep / Peter Dickinson.-- Hodder &amp; Stoughton; 1968.-- (King crime).</t>
  </si>
  <si>
    <t>A pride of heroes / by Peter Dickinson.-- Hodder &amp; Stoughton; 1969.-- (King crime).</t>
  </si>
  <si>
    <t>The sinful stones / Peter Dickinson.-- Harper &amp; Row; c1970.</t>
  </si>
  <si>
    <t>Dimensions of detective fiction / Larry N Landrum, Pat Browne, Ray B. Browne ; : pbk.-- Popular Press; c1976.</t>
  </si>
  <si>
    <t>823.0872/D75</t>
  </si>
  <si>
    <t>The bang bang birds / Adam Diment.-- Michael Joseph; 1968.</t>
  </si>
  <si>
    <t>823.91/D75</t>
  </si>
  <si>
    <t>The Great spy race / Adam Diment.-- Michael Joseph; 1968.</t>
  </si>
  <si>
    <t>The dolly dolly spy / Adam Diment.-- Michael Joseph; 1967.</t>
  </si>
  <si>
    <t>To the eagle's nest / by Joseph DiMona.-- [Sample].-- William Morrow; c1980.</t>
  </si>
  <si>
    <t>The fabulous flying bicycle / Glen Dines.-- Macmillan; c1960.</t>
  </si>
  <si>
    <t>813.5/D76</t>
  </si>
  <si>
    <t>The secret panel / Franklin W. Dixon.-- Grosset &amp; Dunlap; c1946.</t>
  </si>
  <si>
    <t>813.5/D79</t>
  </si>
  <si>
    <t>Saratoga swimmer / Stephen Dobyns.-- Atheneum; 1981.</t>
  </si>
  <si>
    <t>Cops and constables : American and British fictional policemen / edited by George N. Dove, Earl F. Bargainnier ; pbk..-- Bowling Green State University Popular Press; c1986.</t>
  </si>
  <si>
    <t>823.0872/D89</t>
  </si>
  <si>
    <t>The last Sherlock Holmes story / Michael Dibdin.-- Pantheon Books; c1978.</t>
  </si>
  <si>
    <t>823.91/D71</t>
  </si>
  <si>
    <t>Time for Sherlock Holmes : a novel / by David Dvorkin.-- Dodd, Mead; c1983.</t>
  </si>
  <si>
    <t>813.5/D99</t>
  </si>
  <si>
    <t>A Sherlock Holmes commentary / D. Martin Dakin.-- David and Charles; c1972.</t>
  </si>
  <si>
    <t>823.91/D89/d</t>
  </si>
  <si>
    <t>Memories and adventures / by Sir Arthur Conan Doyle ; : pbk.-- Oxford University Press; 1989.</t>
  </si>
  <si>
    <t>The memoirs of Sherlock Holmes / by A. Conan Doyle ; illustrations by Sidney Paget.-- G. Newnes; 1894.</t>
  </si>
  <si>
    <t>The sign of four / Sir Arthur Conan Doyle ; with an introduction by Graham Greene ; John Murray, Jonathan Cape.-- John Murray : Jonathan Cape; 1974.</t>
  </si>
  <si>
    <t>The hound of the Baskervilles / Sir Arthur Conan Doyle ; with a foreword and an afterword by John Fowles ; John Murray, Jonathan Cape.-- John Murray : Jonathan Cape; 1974.</t>
  </si>
  <si>
    <t>The valley of fear / Sir Arthur Conan Doyle ; with an introduction by Len Deighton ; John Murray, Jonathan Cape.-- John Murray : Jonathan Cape; 1974.</t>
  </si>
  <si>
    <t>The memoirs of Sherlock Holmes / Sir Arthur Conan Doyle ; with an introduction by Kingsley Amis ; John Murray, Jonathan Cape.-- John Murray : Jonathan Cape; 1974.</t>
  </si>
  <si>
    <t>The return of Sherlock Holmes / Sir Arthur Conan Doyle ; with an introduction by Angus Wilson ; John Murray, Jonathan Cape.-- John Murray : Jonathan Cape; 1974.</t>
  </si>
  <si>
    <t>His last bow : some reminiscences of Sherlock Holmes / Sir Arthur Conan Doyle ; with an introduction by Julian Symons ; John Murray, Jonathan Cape.-- John Murray : Jonathan Cape; 1974.</t>
  </si>
  <si>
    <t>The case-book of Sherlock Holmes / by Arthur Conan Doyle ; with an introduction by C.P. Snow ; John Murray, Jonathan Cape.-- John Murray : Jonathan Cape; 1974.</t>
  </si>
  <si>
    <t>A study in scarlet / Sir Arthur Conan Doyle ; with introduction by Hugh Greene ; John Murray, Jonathan Cape.-- John Murray : Jonathan Cape ; 1974.</t>
  </si>
  <si>
    <t>The history of spiritualism / by Arthur Conan Doyle.-- Arno Press; 1975, c1926.</t>
  </si>
  <si>
    <t>133.9/D89</t>
  </si>
  <si>
    <t>Uncollected stories : the unknown Conan Doyle / compiled and with an introduction by John Michael Gibson and Richard Lancelyn Green.-- Secker &amp; Warburg; 1982.</t>
  </si>
  <si>
    <t>823.91/D89/g</t>
  </si>
  <si>
    <t>The illustrated Sherlock Holmes treasury : including The complete adventures and memoirs of Sherlock Holmes, The return of Sherlock Holmes, The hound of the Baskervilles / by Arthur Conan Doyle.-- Avenel Books; c1976.</t>
  </si>
  <si>
    <t>The hound of the Baskervilles / by Sir Arthur Conan Doyle ; with photographs by Michael Kenna.-- North Point Press; 1986, c1985.</t>
  </si>
  <si>
    <t>The annotated Sherlock Holmes : the four novels and the fifty-six short stories complete / by Sir Arthur Conan Doyle ; edited, with an introduction , notes, and bibliography by William S. Baring-Gould ; illustrated with maps, diagrams, coats-of-arms, photographs, and drawings by Charles Doyle ... [et al.] ; : set, v. 1, v. 2.-- 2nd ed..-- Clarkson N. Potter; 1977.</t>
  </si>
  <si>
    <t>Houdini and Conan Doyle : the story of a strange friendship / by Bernard M. L. Ernst and Hereward Carrington ; foreword by J. C. Cannell.-- Benjamin Blom ; 1972.</t>
  </si>
  <si>
    <t>Sherlock Holmes of Baker Street : a life of the world's first consulting detective / by William S. Baring-Gould.-- Bramhall House : a division of Clarkson N. Potter ; 1962.</t>
  </si>
  <si>
    <t>A Sherlock Holmes album : a centenary celebration of Sherlock Holmes, 1887-1987 / text by Kenneth Harris ; edited by Michael Cox and Andrew Robinson.-- Karizzma ; c1987.-- (A granada album ; 1).</t>
  </si>
  <si>
    <t>823.91/D89/h</t>
  </si>
  <si>
    <t>The Sherlock Holmes puzzle book : 173 original crosswords, double-crostics, mazes, and other brain teasers : a puzzler's companion to the Sherlock Holmes adventures / by Dale Copps.-- Doubleday &amp; Company; c1981.-- (A Doubleday/Dolphin book).</t>
  </si>
  <si>
    <t>793.7/C87</t>
  </si>
  <si>
    <t>The international Sherlock Holmes : A companion volume to The world bibliography of Sherlock Holmes and Dr. Watson / by Ronald Burt De Waal ; [U.S.].-- Archon Books.</t>
  </si>
  <si>
    <t>Holmes of the movies : the screen career of Sherlock Holmes / David Stuart Davies ; foreword by Peter Cushing.-- New English Library; 1976.</t>
  </si>
  <si>
    <t>The Sherlock Holmes file / Michael Pointer.-- David &amp; Charles; c1976.</t>
  </si>
  <si>
    <t>823.91/D89/p</t>
  </si>
  <si>
    <t>The detective in film / [by] William K. Everson.-- Citadel Press; [c1972].</t>
  </si>
  <si>
    <t>791.43/E89</t>
  </si>
  <si>
    <t>Letters to Sherlock Holmes / selected by Richard Lancelyn Green ; : pbk.-- Penguin ; 1985.</t>
  </si>
  <si>
    <t>The Sherlock Holmes scrapbook : fifty years of occasional articles, newspaper cuttings, letters, memoirs, anecdotes, pictures, photographs and drawings relating to the great detective / edited by Peter Haining ; editorial consultant G. Ken Chapman ; foreword by Peter Cushing.-- Rev. and corr. 2nd ed.-- New English Library; 1974, c1973.</t>
  </si>
  <si>
    <t>The television Sherlock Holmes / Peter Haining.-- 3rd rev. ed..-- Virgin; c1994.</t>
  </si>
  <si>
    <t>221 B : studies in Sherlock Holmes / by various hands ; edited by Vincent Starrett ; foreword by Edgar W. Smith.-- Biblo and Tannen; 1969, c1940.</t>
  </si>
  <si>
    <t>823.91/D89/s</t>
  </si>
  <si>
    <t>The adventures of Conan Doyle : the life of the creator of Sherlock Holmes / by Charles Higham.-- Hamish Hamilton; 1976.</t>
  </si>
  <si>
    <t>Sherlock Holmes in portrait and profile / Walter Klinefelter ; with an introduction by Vincent Starrett.-- Syracuse University Press; 1963.</t>
  </si>
  <si>
    <t>823.91/D89/k</t>
  </si>
  <si>
    <t>Sherlock Holmes in portrait and profile / Walter Klinefelter ; with an introduction by Vincent Starrett.-- Schocken Books; 1975, c1963.</t>
  </si>
  <si>
    <t>Conan Doyle / Pierre Nordon ; translated from the French by Frances Partridge.-- John Murray; 1966.</t>
  </si>
  <si>
    <t>823.91/D89/n</t>
  </si>
  <si>
    <t>The Doyle diary : the last great Conan Doyle mystery / with a Holmesian investigation into the strange and curious case of Charles Altamont Doyle by Michael Baker ; (U.S.).-- Paddington Press; 1978.</t>
  </si>
  <si>
    <t>741.092/D89</t>
  </si>
  <si>
    <t>Enter the lion : a posthumous memoir of Mycroft Holmes / edited by Michael P. Hodel and Sean M. Wright.-- Hawthorn Books; c1979.</t>
  </si>
  <si>
    <t>813.5/H81</t>
  </si>
  <si>
    <t>Conan Doyle : his life and art / by Hesketh Pearson.-- Macdonald and Jane's; 1977.</t>
  </si>
  <si>
    <t>The public life of Sherlock Holmes / catalogued and described by Michael Pointer.-- David and Charles; 1975.</t>
  </si>
  <si>
    <t>Sherlock Holmes on the screen : the motion picture adventures of the world's most popular detective / Robert W. Pohle, Jr. and Douglas C. Hart.-- A. S. Barnes; c1977.</t>
  </si>
  <si>
    <t>Medical casebook of Doctor Arthur Conan Doyle : from practitioner to Sherlock Holmes and beyond / by Alvin E. Rodin &amp; Jack D. Key.-- R.E. Krieger; 1984.</t>
  </si>
  <si>
    <t>823.91/D89/r</t>
  </si>
  <si>
    <t>Doctor Watson : prolegomena to the study of a biographical problem, with a bibliography of Sherlock Holmes / by S. C. Roberts.-- Norwood Editions; 1977.</t>
  </si>
  <si>
    <t>Naked is the best disguise : the death &amp; resurrection of Sherlock Holmes.-- Bobbs-Merrill; c1974.</t>
  </si>
  <si>
    <t>Sherlock Holmes among the pirates : copyright and Conan Doyle in America 1890-1930 / Donald A. Redmond.-- Greenwood Press; 1990.-- (Contributions to the study of world literature ; no. 36).</t>
  </si>
  <si>
    <t>The films of Sherlock Holmes / by Chris Steinbrunner and Norman Michaels ; pbk.-- Citadel Press; c1978.</t>
  </si>
  <si>
    <t>Mysteries suspended : more early cases of Sherlock Holmes : as chronicled by John H. Watson M. D. / edited by Richard Stone.-- 2nd ed.-- Turnstone; 1993.</t>
  </si>
  <si>
    <t>A study in scarlet : a Sherlock Holmes murder mystery / based on the story by Sir Arthur Conan Doyle ; planned and edited by Simon Goodenough.-- Webb &amp; Bower; 1983.</t>
  </si>
  <si>
    <t>The Sherlock Holmes : cartoon book / by Marc Bilgrey.-- Cuckoo bird press; c1981.</t>
  </si>
  <si>
    <t>741.5/B43</t>
  </si>
  <si>
    <t>The Sherlock Holmes quiz book / Albert J. Menendez.-- Drake publishers; 1975.</t>
  </si>
  <si>
    <t>823.91/D89/m</t>
  </si>
  <si>
    <t>Consulting detecitive : Shelock Holmes.-- Sleuth; [1981].</t>
  </si>
  <si>
    <t>Pangolin / Peter Driscoll.-- Macdonald and Jane's; 1979.</t>
  </si>
  <si>
    <t>823.91/D92</t>
  </si>
  <si>
    <t>Hungry hill / Daphne du Maurier.-- Doubleday, Doran; 1944, c1943.</t>
  </si>
  <si>
    <t>823.91/D93</t>
  </si>
  <si>
    <t>Speak no evil / by Mignon G. Eberhart.-- Dell Publishing; c1941.</t>
  </si>
  <si>
    <t>The dark garden / by Mignon G. Eberhart.-- Macfadden book; 1962.-- (A Macfadden book ; 50-150).</t>
  </si>
  <si>
    <t>Wings of fear / Mignon G. Eberhart.-- Armed service ed.-- Random house; 1945.</t>
  </si>
  <si>
    <t>Speak no evil / by Mignon G. Eberhart.-- Dell Publishing; c1941.-- (Dell Book ; 628).</t>
  </si>
  <si>
    <t>Dead men's plans / by Mignon G. Eberhart.-- Random House; 1952.-- (Dell Book ; 767).</t>
  </si>
  <si>
    <t>With this ring : a Stuart Westover murder mystery / by Mignon G. Eberhart.-- Dell; c1941.-- (A Dell mystery ; no. 83).</t>
  </si>
  <si>
    <t>The house on the roof / Mignon G. Eberhart.-- Popular Library; c1963.</t>
  </si>
  <si>
    <t>Dead men's plans / Mignon G. Eberhart.-- Popular Library; c1952.</t>
  </si>
  <si>
    <t>Jury of one / Mignon G. Eberhart.-- Popular Library; 1961.-- (Popular library ; G553).</t>
  </si>
  <si>
    <t>Canary : the history of a family / by Gustav Eckstein.-- Armed service ed.-- Happer &amp; Brothers; c1936.</t>
  </si>
  <si>
    <t>813.5/E19</t>
  </si>
  <si>
    <t>The Mezentian gate / by E. R. Eddison ; the frontispiece and the decorations by Keith Henderson ; pbk.-- Pan/Ballantine; 1972.</t>
  </si>
  <si>
    <t>823.91/E21</t>
  </si>
  <si>
    <t>The worm ourobouros / E. R. Eddison ; Illustrated by Keith Henderson With an introduction by Orville Prescott.-- Ballantine; 1962.</t>
  </si>
  <si>
    <t>A fish dinner in Memison / E. R. Eddison ; with an introduction by James Stephens ; pbk.-- Pan/Ballantine; 1972.</t>
  </si>
  <si>
    <t>Death is a red rose / Dorothy Eden.-- Ace Pulishing; 1970.-- (Ace Star).</t>
  </si>
  <si>
    <t>823.91/E22</t>
  </si>
  <si>
    <t>Winter wood / Dorothy Eden.-- Hodder Paperbacks; 1968.</t>
  </si>
  <si>
    <t>The deadly travellers / by Dorothy Eden ; pbk.-- Hodder Paperbacks; 1969.</t>
  </si>
  <si>
    <t>Listen to danger / Dorothy Eden.-- Penguin; 1965, c1958.-- (Penguin books ; c2396).</t>
  </si>
  <si>
    <t>Prize meets murder / R.T. Edwards ; with Otto Penzler.-- Pocket Books; 1984.-- (A whodunit? mystery ; 1).</t>
  </si>
  <si>
    <t>813.5/E25</t>
  </si>
  <si>
    <t>Wiretap! / Charles Einstein.-- Dell Publishing Co.; c1955.</t>
  </si>
  <si>
    <t>813.5/E39</t>
  </si>
  <si>
    <t>The seeking / Robert Elegant.-- Penguin; 1982, c1969.-- (Penguin books).</t>
  </si>
  <si>
    <t>813.5/E45</t>
  </si>
  <si>
    <t>A king of treason / Robert Elegant.-- Penguin; 1982, c1966.-- (Penguin books).</t>
  </si>
  <si>
    <t>Family affairs / by Jan Ellery.-- Kensington Publishing Corp.; 1979.-- (A Zebra mystery puzzler ; 36).</t>
  </si>
  <si>
    <t>The eighth circle / by Stanley Ellin.-- Dell Publishing Co.; 1959.-- (A Dell mystery  ; D311).</t>
  </si>
  <si>
    <t>The Blessington Method, and other strange tales / Stanley Ellin ; with a foreword by Julian Symons.-- Penguin; 1971, c1964.-- (Penguin books).</t>
  </si>
  <si>
    <t>The Valentine estate / Stanley Ellin.-- Penguin ; 1972.-- (Penguin books).</t>
  </si>
  <si>
    <t>Exit for a dame / Richard Ellington.-- Pocket Books ; 1953, c1951.-- (Pocket Book ; mystery 941).</t>
  </si>
  <si>
    <t>Shakedown / by Richard Ellington.-- Bantam Books  ; 1954, c1953.-- (A bantam mystery ; 1286).</t>
  </si>
  <si>
    <t>No doors, no windows / Harlan Ellison.-- Pyramid Publications; c1975.</t>
  </si>
  <si>
    <t>Blood on the moon / James Ellroy.-- Avon Books ; 1985, c1984.-- (Avon mystery).</t>
  </si>
  <si>
    <t>Brown's requiem / James Ellroy.-- Avon Books ; 1981.-- (Avon mystery).</t>
  </si>
  <si>
    <t>Poverty Bay / Earl W. Emerson.-- Avon Books ; 1985.-- (A Thomas Black mystery).</t>
  </si>
  <si>
    <t>813.5/E52</t>
  </si>
  <si>
    <t>The bronze mermaid / by Paul Ernst.-- Pennant Books; 1954, c1952.-- (Pennant books  ; P41).</t>
  </si>
  <si>
    <t>823.91/E68</t>
  </si>
  <si>
    <t>Hangman's hat / Paul Ernst.-- Pocket Books; 1953, c1951.-- (Ppcket books  ; Mystery 923).</t>
  </si>
  <si>
    <t>The woman at Belguardo / Margaret Erskine.-- Penguin; 1966, c1961.-- (Penguin books ; C2464).</t>
  </si>
  <si>
    <t>823.91/E69</t>
  </si>
  <si>
    <t>The family at Tammerton / Margaret Erskine.-- Bantam Books; 1982, c1965.-- (A Bantam book ; Mystery).</t>
  </si>
  <si>
    <t>No. 9 Belmont Square / Margaret Erskine.-- Bantam Books; 1982.-- (A Bantam book ; Mystery).</t>
  </si>
  <si>
    <t>Hero of Washington Square / by Rose Estes ; cover art by Elmore ; interior art by Timothy Truman.-- TSR Hobbies; c1983.-- (An endless quest book  ; 7).</t>
  </si>
  <si>
    <t>793.9/E75</t>
  </si>
  <si>
    <t>Indiana Jones and the lost treasure of Sheba / by Rose Estes ; illustrated by David B. Mattingly ; pbk..-- Ballantine Books; c1984.-- (Find your fate adventure ; #2).</t>
  </si>
  <si>
    <t>Sherlock Holmes vs. Dracula : or, The Adventure of the sanguinary count / by John H. Watson ; as edited by Loren D. Estleman ; pbk..-- Penguin ; 1979.</t>
  </si>
  <si>
    <t>813.5/E75</t>
  </si>
  <si>
    <t>Dr. Jekyll and Mr. Holmes / by John H. Watson, as edited by Loren D. Estleman ; : pbk..-- Penguin ; 1980, c1979.-- (Penguin books).</t>
  </si>
  <si>
    <t>The horizontal man / Helen Eustis.-- Avon Books ; 1970, c1946.-- (Avon classic crime collection ; PN328).</t>
  </si>
  <si>
    <t>813.5/E86</t>
  </si>
  <si>
    <t>The horizontal man / Helen Eustis.-- Penguin ; 1949.-- (Penguin books ; 718).</t>
  </si>
  <si>
    <t>The horizontal man / by Helen Eustis.-- Pocket Books ; 1948.-- (Pocket Book ; 557).</t>
  </si>
  <si>
    <t>Mind in chains : fourteen horror stories / selected and with an introduction by Christopher Evans.-- Panther Books; 1974.</t>
  </si>
  <si>
    <t>823.087/E88</t>
  </si>
  <si>
    <t>Mind at bay : eleven horror stories / selected and with an introduction by Christopher Evans.-- Panther Books; 1974, c1969.</t>
  </si>
  <si>
    <t>Mind in chains : fourteen horror stories / selected and with an introduction by Christopher Evans.-- Panther Books; 1970.-- (Panther horror).</t>
  </si>
  <si>
    <t>Mortimer! comment osez-vous? / Exbrayat.-- Librairie des Champs-Élysées; 1967.-- (Le livre de poche ; 3533).</t>
  </si>
  <si>
    <t>843.91/E93</t>
  </si>
  <si>
    <t>Japanese religion : unity and diversity / H. Byron Earhart.-- Dickenson; c1969.-- (The Religious life of man).</t>
  </si>
  <si>
    <t>200.952/E11</t>
  </si>
  <si>
    <t>Postscript to The name of the rose / Umberto Eco ; translated from the Italian by William Weaver.-- 1st ed.-- Harcourt Brace Jovanovich; c1984.-- (A Helen and Kurt Wolff book).</t>
  </si>
  <si>
    <t>853.91/E19</t>
  </si>
  <si>
    <t>The Cold War file / by Andy East.-- Scarecrow Press; 1983.</t>
  </si>
  <si>
    <t>809.387/E11</t>
  </si>
  <si>
    <t>The cases of Susan Dare / Mignon G. Eberhart.-- Pub. by Doubleday, Doran &amp; company, inc; 1934.</t>
  </si>
  <si>
    <t>Encyclopedia of mystery and detection / Chris Steinbrunner and Otto Penzler, editors-in-chief ; Marvin Lachman and Charles Shibuk, senior editors.-- Routledge and Kegan Paul; 1976.</t>
  </si>
  <si>
    <t>809.387/St3</t>
  </si>
  <si>
    <t>Deadly reunion / Jan Ekström ; translated by Joan Tate.-- Charles Scribner's Sons; 1983, c1982.</t>
  </si>
  <si>
    <t>839.7/E44</t>
  </si>
  <si>
    <t>Stronghold / Stanley Ellin.-- Random House; c1974.</t>
  </si>
  <si>
    <t>Mystery stories / by Stanley Ellin.-- Simon and Schuster; 1956.-- (An Inner sanctum mystery).</t>
  </si>
  <si>
    <t>Time out / David Ely.-- Delacorte Press; c1968.</t>
  </si>
  <si>
    <t>813.5/E49</t>
  </si>
  <si>
    <t>Sherlock Holmes vs. Dracula : or, The adventure of the sanguinary count / by John H. Watson as edited by Loren D. Estleman.-- Doubleday; 1978.</t>
  </si>
  <si>
    <t>Cats prowl at night / Erle Stanley Gardner writing under the name of A.A. Fair.-- Dell; c1943.-- (Dell Book ; 899).</t>
  </si>
  <si>
    <t>Double or quits / Erle Stanley Gardner writing under the name of A. A. Fair.-- Dell; c1941.-- (Dell Book ; 718).</t>
  </si>
  <si>
    <t>Spill the jackpot / Erle Stanley Gardner writing under the name of A.A. Fair.-- Dell; c1941.-- (Dell Book ; D211).</t>
  </si>
  <si>
    <t>Crows can't count / by A. A. Fair (Erle Stanley Gardner).-- Dell; c1946.-- (Dell Book ; D373).</t>
  </si>
  <si>
    <t>Top of the heap / Erle Stanley Gardner writing under the name of A. A. Fair.-- Dell; c1952.-- (Dell Book ; D309).</t>
  </si>
  <si>
    <t>Bedrooms have windows / by Erle Stanley Gardner writing under the name of A.A. Fair.-- Dell; 1958, c1949.-- (A Dell mystery ; D212).</t>
  </si>
  <si>
    <t>Tarzan alive : a definitive biography of Lord Greystoke : apologia pro vita Tarzani simiarum / Philip José Farmer ; pbk.-- Panther; c1972.</t>
  </si>
  <si>
    <t>813.5/F15</t>
  </si>
  <si>
    <t>The mystery of the creek / by J. Jefferson Farjeon.-- The Albatross; c1933.-- (The albatoross crime club ; 112).</t>
  </si>
  <si>
    <t>823.91/F15</t>
  </si>
  <si>
    <t>Rest in agony / Paul W. Fairman.-- Lancer Books; c1967.-- (Lancer Books 74-905 ).</t>
  </si>
  <si>
    <t>813.5/F12</t>
  </si>
  <si>
    <t>A life for a life / by Horst Fanger ; translated from the German by Richard and Clara Winston.-- Ballantine; c1954.</t>
  </si>
  <si>
    <t>833.91/F14</t>
  </si>
  <si>
    <t>Owls don't blink / [by] A.A. Fair [pseud.].-- Dell; c1942.-- (Dell ; D210).</t>
  </si>
  <si>
    <t>Turn on the heat / by Erle Stanley Gardner.-- Dell; c1940.-- (Dell Book ; D253).</t>
  </si>
  <si>
    <t>Bats fly at dusk / by Erle Stanley Gardner.-- Dell; c1942.-- (Dell Book ; 254).</t>
  </si>
  <si>
    <t>Cats prowl at night / by A.A. Fair.-- Dell; c1943.-- (Dell Book ; 315 . Dell mystery).</t>
  </si>
  <si>
    <t>Double or quits / Erle Stanley Gardner.-- Dell; c1949.-- (Dell Book ; D361).</t>
  </si>
  <si>
    <t>Fools die on Friday / Erle Stanley Gardner.-- Dell; c1942.-- (Dell Book ; 542).</t>
  </si>
  <si>
    <t>Spill the jackpot / by Erle Stanley Gardner.-- Dell; c1941.-- (Dell Book ; 619 . Dell mystery).</t>
  </si>
  <si>
    <t>Gold comes in bricks / by A. A. Fair (Erle Stanley Gardner).-- Dell; c1940.-- (Dell Book ; 836 . Dell mystery).</t>
  </si>
  <si>
    <t>The bigger they come /  A.A. Fair.-- Pocket Books; c1943.-- (Pocket book ; 228).</t>
  </si>
  <si>
    <t>Th count of nine / Erle Stanley Gardner.-- Pocket Books; 1962.-- (Pocket Book ; 6124).</t>
  </si>
  <si>
    <t>An old-fashioned mystery / Runa Fairleigh.-- Avon Books; c1983.-- (Avon Mystery).</t>
  </si>
  <si>
    <t>Whatever happened to Baby Jane? / Henry Farrell.-- Avon Publisher; c1960.</t>
  </si>
  <si>
    <t>James Bond in programmed for danger / Jean M. Favors.-- Ballantine Books; c1985.-- (Young Adult).</t>
  </si>
  <si>
    <t>813.5/F16</t>
  </si>
  <si>
    <t>Dagger of the mind / by Kenneth Fearing.-- Bantam Books; c1941.-- (A Bantam Book ; 93).</t>
  </si>
  <si>
    <t>The man with Bogart's face / by Andrew J. Fenady.-- Avon; c1977.</t>
  </si>
  <si>
    <t>813.5/F19</t>
  </si>
  <si>
    <t>Little murders / Jules Feiffer.-- Paperback Library; c1968.-- (Paperback Library  ; 64-521).</t>
  </si>
  <si>
    <t>812.5/F17</t>
  </si>
  <si>
    <t>Murder in time / Elizabeth Ferrars.-- Penguin Bookd; 1955.-- (Penguin Books).</t>
  </si>
  <si>
    <t>The swaying pillars / by Elizabeth Ferrars.-- Dell Publishing; c1968.</t>
  </si>
  <si>
    <t>The small world of murder / Elizabeth Ferrars ; pbk.-- Penguin; 1976.</t>
  </si>
  <si>
    <t>Skeleton staff / Elizabeth Ferrars.-- Fontana; 1971.</t>
  </si>
  <si>
    <t>The March hare murders / E. X. Ferrars.-- Pocket Book; 1950.-- (PocketBook  ; 735).</t>
  </si>
  <si>
    <t>Murders anonymous / Elizabeth Ferrars.-- Bantam Books; 1982, c1977.-- (Bantam Books).</t>
  </si>
  <si>
    <t>The pretty pink shroud / E. X. Ferrars.-- Penguin Books; 1979, c1977.-- (Penguin crime fiction).</t>
  </si>
  <si>
    <t>Depart this life / E. X. Ferrars [pseud.-- Popular Library; 1964, c1958.-- (Popular Library ; SP275).</t>
  </si>
  <si>
    <t>Florentine finish / Cornelius Hirschberg.-- Avon Books; c1963.-- (Avon ; G1240).</t>
  </si>
  <si>
    <t>813.5/H75</t>
  </si>
  <si>
    <t>The circus of Dr. Lao / Charles G. Finney.-- Avon Books; c1935.-- (Avon  ; 19190).</t>
  </si>
  <si>
    <t>Marion's wall / Jack Finney.-- A Warner Communications Company; c1973.</t>
  </si>
  <si>
    <t>Time and again / Jack Finney.-- A Waner Communications Company; c1970.</t>
  </si>
  <si>
    <t>The bleeding scissors / Bruno Fischer.-- The New American Library; c1948.-- (Signet Books ; 1256).</t>
  </si>
  <si>
    <t>813.5/F28</t>
  </si>
  <si>
    <t>Run for your life / Bruno Fischer.-- Fawcett; c1953.-- (Gold Medal Books ; 343).</t>
  </si>
  <si>
    <t>Fools walk in / Bruno Fischer.-- Fawcett; c1951.-- (Gold Medal Books ; 209).</t>
  </si>
  <si>
    <t>The spider Lily / Bruno Fischer.-- Dell Publishing; c1946.-- (Dell Book ; 752).</t>
  </si>
  <si>
    <t>The pigskin bag / Bruno Fischer.-- Dell Publishing; c1946.-- (Dell Book ; 817).</t>
  </si>
  <si>
    <t>The restless hands / Bruno Fischer.-- Dell Publishing; c1949.-- (Dell Book ; 910).</t>
  </si>
  <si>
    <t>The shurunken head / Robert L. Fish.-- Avon Books; c1963.-- (Avon mystery ; G1266).</t>
  </si>
  <si>
    <t>Brazilian sleigh ride / Robert L. Fish.-- A Berkley Medallion Book; c1965.-- (Gold medal books ; X1348).</t>
  </si>
  <si>
    <t>Death and the pleasant voices / Mary Fitt.-- Penguin Books; 1950.-- (Penguin books ; 795).</t>
  </si>
  <si>
    <t>823.91/F29</t>
  </si>
  <si>
    <t>Death and Mary Dazill / Mary Fitt.-- Penguin Books; 1948.-- (Penguin books ; 630 . Mistery and crime).</t>
  </si>
  <si>
    <t>Rubaiyat of Omar Khayyam / by Edward Fitzgerald.-- (An Avon Classic ; 262).</t>
  </si>
  <si>
    <t>891.5/O61</t>
  </si>
  <si>
    <t>The great gatsby / F. Scott Fitzgerald.-- Bantam Books; 1974.-- (Bantam books).</t>
  </si>
  <si>
    <t>813.5/F29</t>
  </si>
  <si>
    <t>Murder in Monaco / John Flagg.-- Fawcett; c1957.-- (Gold Medal Books ; 628).</t>
  </si>
  <si>
    <t>823.91/F31</t>
  </si>
  <si>
    <t>The day they kidnapped Queen Victoria / H.K. Fleming.-- Penguin; 1973, c1969.</t>
  </si>
  <si>
    <t>813.5/F32</t>
  </si>
  <si>
    <t>From Russia, with love / Ian Fleming.-- New American Library; c1957.-- (A Signet book ; S1563).</t>
  </si>
  <si>
    <t>823.91/F32</t>
  </si>
  <si>
    <t>Goldfinger / Ian Fleming ; Översättning av Sven Bergström.-- Albert Bonniers Förlag; c1959.-- (En Zebra-bok).</t>
  </si>
  <si>
    <t>Moonraker / Ian Fleming.-- New American Library; c1955.</t>
  </si>
  <si>
    <t>Moonraker : unabridged / Ian Fleming.-- new ed.-- Pan Books; 1959.-- (Pan books).</t>
  </si>
  <si>
    <t>James Bond in win, place, or die / R. L. Stine.-- Ballantine Books; c1985.-- (Young Adult).</t>
  </si>
  <si>
    <t>813.5/St6</t>
  </si>
  <si>
    <t>James Bond in strike it deadly / Barbara &amp; Scott Siegel.-- Ballantine Books; c1985.-- (Young Adult).</t>
  </si>
  <si>
    <t>813.5/Si2</t>
  </si>
  <si>
    <t>The rough guide to James Bond / text editor, Paul Simpson.-- Rough Guides; 2002.</t>
  </si>
  <si>
    <t>791.436/Si7</t>
  </si>
  <si>
    <t>In the red / Joan Fleming.-- Lancer Books ; 1964, c1961.</t>
  </si>
  <si>
    <t>A daisy chain for satan / Joan Fleming.-- Ballantine Books ; 1969, c1950.-- (Ballantine books mistery).</t>
  </si>
  <si>
    <t>Midnight hag / Joan Fleming.--  Ballantine Books ; 1969, c1966.-- (Ballantine books ).</t>
  </si>
  <si>
    <t>The man who looked back / Joan Fleming.-- Ballantine Books ; 1971, c1951.-- (Ballantine books ).</t>
  </si>
  <si>
    <t>The good and the bad / Joan Fleming.-- Ballantine Books ; 1969, c1953.-- (Ballantine mystery ; 01581).</t>
  </si>
  <si>
    <t>When I grow rich / Joan Fleming ; with an introd. by Anthony Boucher.-- Collier Books; 1965.-- (A Collier mystery classic).</t>
  </si>
  <si>
    <t>No bones about it / by Joan Fleming.-- Fontana Books; 1970.</t>
  </si>
  <si>
    <t>The sixth column / Peter Fleming.-- Avon Books ; 1966, c1951.-- (Avon ; S205).</t>
  </si>
  <si>
    <t>The murder sonata / Frances Fletcher.-- Nordon Publications; c1980.-- (A leisure book ; mystery).</t>
  </si>
  <si>
    <t>Das Teehaus in Mentone : Kriminal-Roman / J. S. Fletcher.-- Wilhelm Goldmann Verlag ; 1952.</t>
  </si>
  <si>
    <t>The train of terror / Louise Munro Foley ; illustrations by David Febland.-- Scholastic Book services; c1982.-- (Twistaplot ; 2).</t>
  </si>
  <si>
    <t>793.9/F37</t>
  </si>
  <si>
    <t>Death of a saboteur / Hulbert Footner.-- Penguin ; 1945, c1943.-- (Penguin Books ; 559).</t>
  </si>
  <si>
    <t>The murder that had everything / by Hulbert Footner.-- Dell Publishing Co.; c1939.-- (A dell mystery ; 74).</t>
  </si>
  <si>
    <t>The murder that had everything / by Hulbert Footner.-- Editions for the Armed Services; c1939.-- (Armed services editions ; 1075).</t>
  </si>
  <si>
    <t>Date with death / by Leslie Ford.-- Popular Library ; c1949.-- (Popular library  ; 60-2408).</t>
  </si>
  <si>
    <t>Trial by ambush / by Leslie Ford.-- Popular Library ; c1962.-- (Popular library  ; 60-2409).</t>
  </si>
  <si>
    <t>The town cried murder / by Leslie Ford.-- Popular Library ; c1968.-- (Popular library  ; 60-2410).</t>
  </si>
  <si>
    <t>Three bright pebbles / by Leslie Ford.-- Popular Library ; c1938.-- (Popular library  ; SP354).</t>
  </si>
  <si>
    <t>The Bahamas murder case / Leslie Ford.-- Popular Library ; 1952.-- (Popular library  ; 445-01421-075).</t>
  </si>
  <si>
    <t>The Philadelphia murder story / Leslie Ford.-- Popular Library ; c1945.-- (Popular library  ; 445-01422-075).</t>
  </si>
  <si>
    <t>Murder is the pay-off / Leslie Ford.-- Popular Library ; c1951.-- (Popular library  ; 445-01423-075).</t>
  </si>
  <si>
    <t>Murder in Maryland / Leslie Ford.-- Popular Library ; 1960.-- (Popular library  ; 445-01438-075).</t>
  </si>
  <si>
    <t>Reno rendezvous / Leslie Ford.-- Popular Library ; c1967.-- (Popular library  ; 445-01439-075).</t>
  </si>
  <si>
    <t>Invitation to murder  / Leslie Ford.-- Popular Library ; c1954.-- (Popular library  ; 445-01440-075).</t>
  </si>
  <si>
    <t>Murder comes to eden / Leslie Ford.-- Popular Library ; c1955.-- (Popular library  ; 445-01441-075).</t>
  </si>
  <si>
    <t>Murder is the pay-off / Leslie Ford.-- Dell Publishing Co. ; c1951.-- (A dell mystery ; 788).</t>
  </si>
  <si>
    <t>The town cried murder / by Leslie Ford.-- Popular Library ; [c1968].-- (Popular library  ; K42/40C).</t>
  </si>
  <si>
    <t>Barbarella / Jean-Claude Forest.-- Le Terrain Vague ; 1974.-- (Le libre de poche ; 4055).</t>
  </si>
  <si>
    <t>741.5/F39</t>
  </si>
  <si>
    <t>The Barbary pirates / C.S. Forester.-- New English Library; 1968, c1953.-- (New English Library  ; 2322).</t>
  </si>
  <si>
    <t>823.91/F39</t>
  </si>
  <si>
    <t>The sky and the forest / C.S. Forester.-- New English Library; 1958.-- (Four Square Books   ; 1989).</t>
  </si>
  <si>
    <t>Payment deferred / by C.S. Forester.-- Bantam Books ; 1951.-- (A bantam book   ; 816).</t>
  </si>
  <si>
    <t>Payment deferred / by C.S. Forester.-- Editions for the Armed Services; [1945].-- (Armed services editions ; 829).</t>
  </si>
  <si>
    <t>Brown on resolution / C.S. Forester.-- Pan Books ; 1963.</t>
  </si>
  <si>
    <t>Plain murder / by C. S. Forester.-- Pan Books; 1970.-- (Pan Books).</t>
  </si>
  <si>
    <t>Lieutenant hornblower / C. S. Forester.-- New ed.-- Pan; 1959.</t>
  </si>
  <si>
    <t>A child's garden of death / Richard Forrest.-- Dell Book; c1975.</t>
  </si>
  <si>
    <t>The death at Yew Corner / Richard Forrest.-- Dell; c1980.</t>
  </si>
  <si>
    <t>The laughing Buddha murders / by Richard Foster.-- Vulcan Publications; c1944.</t>
  </si>
  <si>
    <t>813.5/F41</t>
  </si>
  <si>
    <t>The Odessa file / Frederick Forsyth.-- Bantam Books; 1973, c1972.-- (Bantam books).</t>
  </si>
  <si>
    <t>The Day of the Jackal / Frederick Forsyth.-- Bantam Books; 1972.-- (Bantam books).</t>
  </si>
  <si>
    <t>The Borgia blade / Gardner F. Fox.-- Fawcett Publications; c1953.-- (Gold medal books series-no.67).</t>
  </si>
  <si>
    <t>813.5/F42</t>
  </si>
  <si>
    <t>The lady regrets / James M. Fox.-- Dell Publishing; c1947.</t>
  </si>
  <si>
    <t>The wheel is fixed / by James M. Fox.-- Dell Publishing; c1951.-- (Dell Book ; 573).</t>
  </si>
  <si>
    <t>The scarlet slippers / James M. Fox.-- Dell Publishing; c1952.-- (Dell Book ; 685).</t>
  </si>
  <si>
    <t>Miami murder-go-round / by Marston La France.-- Pocket Books; 1952.-- (Pocket Book ; 896).</t>
  </si>
  <si>
    <t>813.5/L13</t>
  </si>
  <si>
    <t>Dead cert / Dick Francis.-- Avon Publishers; c1962.-- (Avon ; PN237).</t>
  </si>
  <si>
    <t>823.91/F43</t>
  </si>
  <si>
    <t>I. O. U. Murder / William Francis.-- New American Library; c1942.-- (A Signet Books ; 865).</t>
  </si>
  <si>
    <t>813.5/F43</t>
  </si>
  <si>
    <t>The deed / by Gerold Frank.-- Avon Books; c1963.</t>
  </si>
  <si>
    <t>823.087/F44</t>
  </si>
  <si>
    <t>Forbidden area / by Pat Frank.-- Bantam Books; 1957.</t>
  </si>
  <si>
    <t>813.5/F44</t>
  </si>
  <si>
    <t>Murder Trapp / Eugene Franklin.-- Dell Publishing; c1971.</t>
  </si>
  <si>
    <t>The Bold house murders / Eugene Franklin.-- Dell Publishing; c1973.</t>
  </si>
  <si>
    <t>Quiet as a nun / Antonia Fraser.-- Penguin; 1978.</t>
  </si>
  <si>
    <t>823.91/F45</t>
  </si>
  <si>
    <t>The wild island / Antonia Fraser.-- Penguin; 1978.</t>
  </si>
  <si>
    <t>Deadly nightshade / James Fraser.-- Corgi; 1971.</t>
  </si>
  <si>
    <t>A cock-pit of roses / James Fraser.-- Corgi Books; 1970.</t>
  </si>
  <si>
    <t>Mark Kilby and the secret syndicate / Robert Caine Frazer.-- Pocket Books; 1960.-- (Pocket Book ; 6000).</t>
  </si>
  <si>
    <t>The Hollywood hoax / Robert Caine Frazer.-- Pocket Book; 1961.-- (Pocket book ; 6064).</t>
  </si>
  <si>
    <t>Running target / Steve Frazee.-- Fawcett; c1957.-- (Gold Medal Book ; 637).</t>
  </si>
  <si>
    <t>Catch me before I kill more... / Lucy Freeman.-- Pocket Books; 1956.-- (Cardinal Edition ; C-221).</t>
  </si>
  <si>
    <t>813.5/F46</t>
  </si>
  <si>
    <t>Escape from freedom / Erich Fromm ; : pbk.-- Avon Books; c1969.</t>
  </si>
  <si>
    <t>323.44/F48</t>
  </si>
  <si>
    <t>Possession / Celia Fremlin.-- Pocket Books; 1970.</t>
  </si>
  <si>
    <t>The jealous one / Celia Fremlin.-- Avon Books; c1965.-- (Avon books ; PN311).</t>
  </si>
  <si>
    <t>The hours before dawn / by Celia Fremlin.-- Dell Publishing; c1958.-- (Dell Mystery ; D422).</t>
  </si>
  <si>
    <t>The dick / Bruce Jay Friedman.-- Penguin; 1973.</t>
  </si>
  <si>
    <t>813.5/F47</t>
  </si>
  <si>
    <t>Mr. Pinkerton goes to Scotland yard / by David Frome.-- Armed service ed.-- Reader's league of America; c1934.</t>
  </si>
  <si>
    <t>The crisis of psychoanalysis / Erich Fromm.-- Fawcett; c1970.-- (A Fawcett premier book ; 150).</t>
  </si>
  <si>
    <t>301/F48</t>
  </si>
  <si>
    <t>La locanda 'al Cunghuale' / Werner Fuchs.-- Edizioni E. Elle; 1991.</t>
  </si>
  <si>
    <t>793.9/F51</t>
  </si>
  <si>
    <t>The second curtain / Roy Fuller ; pbk.-- Penguin; 1962.-- (Penguin crime fiction).</t>
  </si>
  <si>
    <t>823.91/F86</t>
  </si>
  <si>
    <t>Courtroom U. S. A / Rupert Furneaux ; 1, 2.-- Penguin Books; 1962-1963.-- (Penguin books ; 1795).</t>
  </si>
  <si>
    <t>345.73/F92/1</t>
  </si>
  <si>
    <t>345.73/F92/2</t>
  </si>
  <si>
    <t>The lost tribe / by Louise Munro Foley ; illustrated by Paul Granger ; : pbk.-- Bantam Books; 1983.-- (Bantam books ; Choose your own adventure ; 23).</t>
  </si>
  <si>
    <t>The widowmaker / by M. Fagyas.-- Published for the Crime Club by Doubleday &amp; Co.; 1966.</t>
  </si>
  <si>
    <t>813.5/F11</t>
  </si>
  <si>
    <t>The windmill mystery / [by] J. Jefferson Farjeon.-- Published for the Crime Club by Albatross ; 19--.-- (The Albatross crime club ; 127).</t>
  </si>
  <si>
    <t>The grand adventure / Philip José Farmer ; pbk..-- Berkley Books; 1984.-- (Masterworks of science fiction and fantasy).</t>
  </si>
  <si>
    <t>Such a gorgeous kid like me / by Henry Farrell.-- Delacorte Press; c1967.</t>
  </si>
  <si>
    <t>The big clock / by Kenneth Fearing.-- Harcourt, Brace and Co.; 1946.</t>
  </si>
  <si>
    <t>Ackroyd : a novel / by Jules Feiffer.-- Simon and Schuster; c1977.</t>
  </si>
  <si>
    <t>The butler died in brooklyn / by Ruth Fenisong.-- Novel Selections ; c1943.-- (Mystery novel classic ; 97).</t>
  </si>
  <si>
    <t>Alibi for a witch / by Elizabeth Ferrars.-- Published for the Crime Club by Collins ; 1952.-- (Crime Club novel).</t>
  </si>
  <si>
    <t>The case of the revolutionist's daughter : Sherlock Holmes meets Karl Marx / by Lewis S. Feuer.-- Prometheus Books; 1983.</t>
  </si>
  <si>
    <t>813.5/F23</t>
  </si>
  <si>
    <t>The footsteps that stopped / by A. Fielding.-- W. Collins sons &amp; co., ltd; c1926.</t>
  </si>
  <si>
    <t>The footsteps that stopped / by A. Fielding.-- Publishied for The Crime Club by Collins; c1935.-- (A crime club novel).</t>
  </si>
  <si>
    <t>The green hell treasure : a Captain Jose da Silva novel / Robert L. Fish.-- G.P.Putnam's Sons; c1971.-- (Red mask mystery).</t>
  </si>
  <si>
    <t>5 against the house.-- [1st ed.].-- Doubleday &amp;Company, Inc.; 1954.</t>
  </si>
  <si>
    <t>The conjure-man dies : a mystery tale of dark Harlem / by Rudolph Fisher.-- University of Michigan Press; 1992.-- (Ann Arbor paperbacks).</t>
  </si>
  <si>
    <t>The Box Hill murder / J.S. Fletcher.-- Alfred  A. Knopf; 1929.</t>
  </si>
  <si>
    <t>The mystery of the folded paper / Hulbert Footner.-- W. Collins Sons &amp; Co.; [19--].-- (A crime club book).</t>
  </si>
  <si>
    <t>Go to Thy Death Bed / by Stanton Forbes.-- Published for The Crime Club by Doubkeday &amp; Company; 1968.-- (A crime club book).</t>
  </si>
  <si>
    <t>Tea for the British : the social and economic history of a famous trade / by Denys Forrest.-- Chatto &amp; Windus; 1973.</t>
  </si>
  <si>
    <t>382.09/F39</t>
  </si>
  <si>
    <t>A child's garden of death : a novel of suspense / by Richard Forrest.-- Bobbs-Merrill; [1975].</t>
  </si>
  <si>
    <t>Death through the looking glass : a novel of suspense / by Richard Forrest.-- Bobbs-Merrill; c1978.</t>
  </si>
  <si>
    <t>Dragon's egg / Robert L. Forward ; : pbk.-- Ballantine Pub. Group; c1980.-- (A Del Rey book).</t>
  </si>
  <si>
    <t>Dick Francis / Melvyn Barnes ; pbk..-- Ungar Publishing Co.; c1986.</t>
  </si>
  <si>
    <t>823.91/F43/b</t>
  </si>
  <si>
    <t>Reflex / Dick Francis.-- Michael Joseph; 1980.</t>
  </si>
  <si>
    <t>Experiments in crime and other stories / by Gilbert Frankau.-- E.P. Dutton &amp; co., inc.; 1937.</t>
  </si>
  <si>
    <t>823.91/F44</t>
  </si>
  <si>
    <t>The cat's eye / by R. Austin Freeman.-- Hodder and Stoughton Ltd.; [1923].</t>
  </si>
  <si>
    <t>The mystery of 31 New Inn  / by R. Austin Freeman.-- Hodder and Stoughton Ltd.; [1912]?.</t>
  </si>
  <si>
    <t>The last days of Alfred Hitchcock : a memoir featuring the screenplay of "Alfred Hitchcock's The short night" / David Freeman.-- Pavilion : Michael Joseph ; 1985, c1984.</t>
  </si>
  <si>
    <t>791.4302/H77/f</t>
  </si>
  <si>
    <t>The murder mystique : crime writers on their art / edited by Lucy Freeman.-- Frederick Ungar Publishing Co.; c1982.-- (Recognitions).</t>
  </si>
  <si>
    <t>809.387/F46</t>
  </si>
  <si>
    <t>Masterpieces of mystery ... / ed. by Joseph Lewis Frence ; [4].-- Doubleday, Page &amp; Company; 1920.</t>
  </si>
  <si>
    <t>808.83/F46</t>
  </si>
  <si>
    <t>Mr. Pinkerton: a Scotland yard omnibus / by David Frome.-- Grosset &amp; Dunlap ; c1935.</t>
  </si>
  <si>
    <t>Picture stories from the Bible : the New Testament in comic-strip form / edited by M.C. Gaines ; ill. by Don Cameron ; scripts by Montgomery Mulford and Edward L. Wertheim.-- Ballantine Books ; 1986, c1980.</t>
  </si>
  <si>
    <t>225.9/G15</t>
  </si>
  <si>
    <t>The Poseidon adventure / Paul Gallico.-- Dell Publishing Co.; 1970, c1969.-- (A dell books ; 7006).</t>
  </si>
  <si>
    <t>813.5/G17</t>
  </si>
  <si>
    <t>Mrs Harris goes to New York / Paul Gallico.-- Penguin ; 1960.-- (Penguin books ; 1943).</t>
  </si>
  <si>
    <t>Matilda / Paul Gallico ; pbk.-- Pan Books; 1972.</t>
  </si>
  <si>
    <t>Trial by terror / Paul Gallico.-- Pyramid Publications; 1966, c1952.-- (A pyramid books  ; X-1278).</t>
  </si>
  <si>
    <t>Too many ghosts / Paul Gallico.-- Pan Books Ltd ; c1960.-- (Pan books ; M144).</t>
  </si>
  <si>
    <t>Biography of the earth / by George Gamow.-- Editions for the Armed Services; c1941.-- (Armed services editions ; 1087).</t>
  </si>
  <si>
    <t>813.5/G18</t>
  </si>
  <si>
    <t>A disagreement with death / Craig Shaw Gardner.-- Berkley Pub. Group ; c1989.-- (Ace books ; Fantasy).</t>
  </si>
  <si>
    <t>The case of the half-wakened wife / by Erle Stanley Gardner.-- Editions for the Armed Services; c1945.-- (Armed services editions ; 1039).</t>
  </si>
  <si>
    <t>El caso del gato del portero / Erle Stanley Gardner.-- Editorial Molino ; c1962.-- (Selecciones de biblioteca oro ; 174).</t>
  </si>
  <si>
    <t>The case of the half-wakened wife / Erle Stanley Gardner.-- Penguin ; 1956.-- (Penguin books ; 1139).</t>
  </si>
  <si>
    <t>The case of the rolling bones / Erle Stanley Gardner.-- Penguin ; 1955.-- (Penguin books ; 1054).</t>
  </si>
  <si>
    <t>The case of the counterfeit eye / Erle Stanley Gardner.-- Penguin ; 1953.-- (Penguin books ; 952).</t>
  </si>
  <si>
    <t>The case of the velvet claws / by Erle Stanley Gardner.-- Pocket Books ; 1940, c1933.-- (Pocket book ; 73).</t>
  </si>
  <si>
    <t>The case of the velvet claws / by Erle Stanley Gardner.-- Readers' League of America; [1940], c1933.</t>
  </si>
  <si>
    <t>The case of the sulky girl / by Erle Stanley Gardner.-- Pocket Books ; 1941, c1933.-- (Pocket book ; 90).</t>
  </si>
  <si>
    <t>The case of the lucky legs / by Erle Stanley Gardner.-- Pocket Books ; 1941, c1934.-- (Pocket book ; 106).</t>
  </si>
  <si>
    <t>The case of the howling dog / by Erle Stanley Gardner.-- Pocket Books ; 1941, c1934.-- (Pocket book ; 116).</t>
  </si>
  <si>
    <t>The case of the caretaker's cat / Erle Stanley Gardner.-- Pocket Books ; 1942, c1935.-- (Pocket book ; 138).</t>
  </si>
  <si>
    <t>The case of the caretaker's cat : a Perry Mason mystery  / Erle Stanley Gardner.-- Pocket Books ; 1942, c1935.-- (Pocket book ; 138).</t>
  </si>
  <si>
    <t>The case of the counterfeit eye : a Perry Mason mystery  / by Erle Stanley Gardner.-- Pocket Books ; 1942, c1935.-- (Pocket book ; 157).</t>
  </si>
  <si>
    <t>[The case of the counterfeit eye : a Perry Mason mystery  / by Erle Stanley Gardner].-- Pocket Books ; [1942, c1935].-- (Pocket book ; 157).</t>
  </si>
  <si>
    <t>The case of the curious bride / Erle Stanley Gardner.-- Pocket Books ; 1942, c1934.-- (Pocket book ; 177).</t>
  </si>
  <si>
    <t>The case of the stuttering bishop / Erle Stanley Gardner.-- Pocket Books ; 1943, c1936.-- (Pocket book ; 201).</t>
  </si>
  <si>
    <t>The case of the lame canary / Erle Stanley Gardner.-- Pocket Books ; 1943, c1937.-- (Pocket book ; 223).</t>
  </si>
  <si>
    <t>The case of the substitute face / by Erle Stanley Gardner.-- Pocket Books ; 1943, c1938.-- (Pocket book ; 242).</t>
  </si>
  <si>
    <t>The case of the dangerous dowager / Erle Stanley Gardner.-- Pocket Books ; 1944, c1937.-- (Pocket book ; 252).</t>
  </si>
  <si>
    <t>The D.A. calls it murder / Erle Stanley Gardner.-- Pocket Books ; 1944, c1937.-- (Pocket book ; 263).</t>
  </si>
  <si>
    <t>The case of the sleepwalker's niece  / by Erle Stanley Gardner.-- Pocket Books ; 1944, c1936.-- (Pocket book ; 277).</t>
  </si>
  <si>
    <t>The D.A. holds a candle / Erle Stanley Gardner.-- Pocket Books ; 1945, c1938.-- (Pocket book ; 287).</t>
  </si>
  <si>
    <t>The case of the shoplifter's shoe / Erle Stanley Gardner.-- Pocket Books ; 1945, c1938.-- (Pocket book ; 312).</t>
  </si>
  <si>
    <t>The D.A. draws a circle / Erle Stanley Gardner.-- Pocket Books ; 1946, c1939.-- (Pocket book ; 334).</t>
  </si>
  <si>
    <t>Murder up my sleeve / Erle Stanley Gardner.-- Pocket Books ; 1946, c1937.-- (Pocket book ; 368).</t>
  </si>
  <si>
    <t>The case of the perjured parrot / Erle Stanley Gardner.-- Pocket Books ; 1947, c1939.-- (Pocket book ; 378).</t>
  </si>
  <si>
    <t>The case of the baited hook / Erle Stanley Gardner.-- Pocket Books ; 1947, c1940.-- (Pocket book ; 414).</t>
  </si>
  <si>
    <t>The clue of the forgotten murder / by Erle Stanley Gardner.-- Pocket Books ; 1947, c1934.-- (Pocket book ; 438).</t>
  </si>
  <si>
    <t>The case of the rolling bones / Erle Stanley Gardner.-- Pocket Books ; 1947, c1939.-- (Pocket book ; 464).</t>
  </si>
  <si>
    <t>The case of the silent partner / by Erle Stanley Gardner.-- Pocket Books ; 1948, c1940.-- (Pocket book ; 468).</t>
  </si>
  <si>
    <t>This is murder / Erle Stanley Gardner.-- Pocket Books ; 1948, c1935.-- (Pocket book ; 512).</t>
  </si>
  <si>
    <t>The case of the turning tide / by Erle Stanley Gardner.-- Pocket Books ; 1948, c1941.-- (Pocket book ; 544).</t>
  </si>
  <si>
    <t>The D.A. cooks a goose / Erle Stanley Gardner.-- Pocket Books ; 1949, c1942.-- (Pocket book ; 561).</t>
  </si>
  <si>
    <t>The case of the haunted husband / Erle Stanley Gardner.-- Pocket Books ; 1949, c1941.-- (Pocket book ; 590).</t>
  </si>
  <si>
    <t>The D.A. calls a turn / Erle Stanley Gardner.-- Pocket Books ; 1949, c1944.-- (Pocket book ; 595).</t>
  </si>
  <si>
    <t>The case of the empty tin / Erle Stanley Gardner.-- Pocket Books ; 1949, c1941.-- (Pocket book ; 619).</t>
  </si>
  <si>
    <t>The case of the drowning duck / Erle Stanley Gardner.-- Pocket Books ; 1949, c1942.-- (Pocket book ; 643).</t>
  </si>
  <si>
    <t>The case of the smoking chimney / by Erle Stanley Gardner.-- Pocket Books ; 1950, c1943.-- (Pocket book ; 667).</t>
  </si>
  <si>
    <t>The case of the buried clock / Erle Stanley Gardner.-- Pocket Books ; 1950, c1943.-- (Pocket book ; 678).</t>
  </si>
  <si>
    <t>The case of the drowsy mosquito / Erle Stanley Gardner.-- Pocket Books ; 1950, c1943.-- (Pocket book ; 689).</t>
  </si>
  <si>
    <t>The case of the black-eyed blonde / Erle Stanley Gardner.-- Pocket Books ; 1951, c1944.-- (Pocket book ; 792).</t>
  </si>
  <si>
    <t>The case of the golddigger's purse / Erle Stanley Gardner.-- Pocket Books ; 1951, c1945.-- (Pocket book ; 812).</t>
  </si>
  <si>
    <t>The case of the half-wakened wife / Earle Stanley Gardner.-- Pocket Books ; 1951, c1945.-- (Pocket book ; 832).</t>
  </si>
  <si>
    <t>The case of the backward mule / Erle Stanley Gardner.-- Pocket Books ; 1951, c1946.-- (Pocket book ; 855).</t>
  </si>
  <si>
    <t>The case of the borrowed brunette / Erle Stanley Gardner.-- Pocket Books ; 1951, c1946.-- (Pocket book ; 856).</t>
  </si>
  <si>
    <t>The D.A. breaks a seal / Erle Stanley Gardner.-- Pocket Books ; 1952, c1946.-- (Pocket book ; 869).</t>
  </si>
  <si>
    <t>The case of the lazy lover / by Erle Stanley Gardner.-- Pocket Books ; 1952, c1947.-- (Pocket book ; 909).</t>
  </si>
  <si>
    <t>The case of the lonely heiress / Erle Stanley Gardner.-- Pocket Books ; 1952, c1948.-- (Pocket book ; 922).</t>
  </si>
  <si>
    <t>Two clues : The clue of the runaway blonde. The clue of the hungry horse / Erle Stanley Gardner.-- Pocket Books ; 1953, c1947.-- (Pocket book ; 949).</t>
  </si>
  <si>
    <t>The case of the dubious bridegroom / Erle Stanley Gardner.-- Pocket Books ; 1954, c1949.-- (Pocket book ; 976).</t>
  </si>
  <si>
    <t>The D.A. takes a chance / Erle Stanley Gardner.-- Pocket Books ; 1954, c1948.-- (Pocket book ; 1010).</t>
  </si>
  <si>
    <t>The case of the negligent nymph / Erle Stanley Gardner.-- Pocket Books ; 1954, c1950.-- (Pocket book ; 1029).</t>
  </si>
  <si>
    <t>The case of the one-eyed witness / Erle Stanley Gardner.-- Pocket Books ; 1955, c1950.-- (Pocket book ; 1041).</t>
  </si>
  <si>
    <t>The D.A. breaks an egg / Erle Stanley Gardner.-- Pocket Books ; 1955, c1949.-- (Pocket book ; 1052).</t>
  </si>
  <si>
    <t>The case of the musical cow / Erle Stanley Gardner.-- Pocket Books ; 1955, c1950.-- (Pocket book ; 1063).</t>
  </si>
  <si>
    <t>The case of the fiery fingers / Erle Stanley Gardner.-- Pocket Books ; 1956, c1951.-- (Pocket book ; 1089).</t>
  </si>
  <si>
    <t>The case of the angry mourner / Erle Stanley Gardner.-- Pocket Books ; 1956, c1951.-- (Pocket book ; 1092).</t>
  </si>
  <si>
    <t>The case of the moth-eaten mink / Erle Stanley Gardner.-- Pocket Books ; 1956, c1952.-- (Pocket book ; 1107).</t>
  </si>
  <si>
    <t>The case of the grinning gorilla / Erle Stanley Gardner.-- Pocket Books ; 1956, c1952.-- (Pocket book ; 1121).</t>
  </si>
  <si>
    <t>The case of the fugitive nurse / Erle Stanley Gardner.-- Pocket Books ; 1957, c1954.-- (Pocket book ; 1138).</t>
  </si>
  <si>
    <t>The case of the hesitant hostess / Erle Stanley Gardner.-- Pocket Books ; 1956, c1953.-- (Pocket book ; 1127).</t>
  </si>
  <si>
    <t>The case of the green-eyed sister / Erle Stanley Gardner.-- Pocket Books ; 1957, c1953.-- (Pocket book ; 1155).</t>
  </si>
  <si>
    <t>The case of the restless redhead / Erle Stanley Gardner.-- Pocket Books ; 1957, c1954.-- (Pocket book ; 1170).</t>
  </si>
  <si>
    <t>The D.A. draws a circle / Erle Stanley Gardner.-- Pocket Books ; 1946, c1939.-- (Pocket book ; 2334).</t>
  </si>
  <si>
    <t>Murder up my sleeve / Erle Stanley Gardner.-- Pocket Books ; 1946, c1937.-- (Pocket book ; 2368).</t>
  </si>
  <si>
    <t>The D.A. goes to trial / Erle Stanley Gardner.-- Pocket Books ; 1946, c1940..-- (Pocket book ; 2407).</t>
  </si>
  <si>
    <t>The case of the rolling bones / Erle Stanley Gardner.-- Pocket Books ; 1947, c1939.-- (Pocket book ; 2464).</t>
  </si>
  <si>
    <t>The case of the silent partner / Erle Stanley Gardner.-- Pocket Books ; 1948, c1940.-- (Pocket book ; 2468).</t>
  </si>
  <si>
    <t>This is murder / Erle Stanley Gardner.-- Pocket Books ; 1948, c1935.-- (Pocket book ; 2512).</t>
  </si>
  <si>
    <t>The case of the turning tide / Erle Stanley Gardner.-- Pocket Books ; 1948, c1941.-- (Pocket book ; 2544).</t>
  </si>
  <si>
    <t>The D.A. cooks a goose / Erle Stanley Gardner.-- Pocket Books ; 1949, c1942.-- (Pocket book ; 2561).</t>
  </si>
  <si>
    <t>The case of the black-eyed blonde / Erle Stanley Gardner.-- Pocket Books ; 1951, c1944.-- (Pocket book ; 2792).</t>
  </si>
  <si>
    <t>The case of the daring decoy / Erle Stanley Gardner.-- Pocket Books ; 1960, c1957.-- (Pocket book ; 6001).</t>
  </si>
  <si>
    <t>The case of the long-legged models / Erle Stanley Gardner.-- Pocket Books ; 1960, c1958.-- (Pocket book ; 6009).</t>
  </si>
  <si>
    <t>The case of the stuttering bishop / Erle Stanley Gardner.-- Pocket Books ; 1943, c1936.-- (Pocket book ; 6007).</t>
  </si>
  <si>
    <t>The case of the angry mourner / Erle Stanley Gardner.-- Pocket Books ; 1956, c1951.-- (Pocket book ; 6042).</t>
  </si>
  <si>
    <t>The case of the fan dancer's horse / Erle Stanley Gardner.-- Pocket Books ; 1952, c1947.-- (Pocket book ; 6043).</t>
  </si>
  <si>
    <t>The case of the fugitive nurse / Erle Stanley Gardner.-- Pocket Books ; 1957, c1954.-- (Pocket book ; 6045).</t>
  </si>
  <si>
    <t>Pass the gravy / by A.A. Fair [Erle Stanley Gardner].-- Pocket Books ; 1962, c1959.-- (Pocket book ; 6142).</t>
  </si>
  <si>
    <t>The case of the shapely shadow / Erle Stanley Gardner.-- Pocket Books ; 1963, c1960.-- (Pocket book ; 6148).</t>
  </si>
  <si>
    <t>The case of the waylaid wolf / Erle Stanley Gardner.-- Pocket Books ; 1962, c1959.-- (Pocket book ; 6151).</t>
  </si>
  <si>
    <t>The case of the spurious spinster / Erle Stanley Gardner.-- Pocket Books ; 1963, c1961.-- (Pocket book ; 6175).</t>
  </si>
  <si>
    <t>The case of the horrified heirs / Erle Stanley Gardner.-- Pocket Books ; 1966, c1964.-- (Pocket book ; 50374).</t>
  </si>
  <si>
    <t>The court of last resort / Erle Stanley Gardner.-- Pocket Books ; 1954.-- (A cardinal edition ; C-126).</t>
  </si>
  <si>
    <t>The case of the sun bather's diary / Erle Stanley Gardner.-- Pocket Books ; 1958, c1955.-- (A cardinal edition ; C-268).</t>
  </si>
  <si>
    <t>The case of the runaway corpse / Erle Stanley Gardner.-- Pocket Books ; 1957, c1954.-- (A cardinal edition ; C-281).</t>
  </si>
  <si>
    <t>The case of the glamorous ghost / Erle Stanley Gardner.-- Pocket Books ; 1958, c1955.-- (A cardinal edition ; C-282).</t>
  </si>
  <si>
    <t>The case of the empty tin / Erle Stanley Gardner.-- Pocket Books ; 1958, c1941.-- (A cardinal edition ; C-284).</t>
  </si>
  <si>
    <t>The case of the lazy lover / Erle Stanley Gardner.-- Pocket Books ; 1958, c1947.-- (A cardinal edition ; C-285).</t>
  </si>
  <si>
    <t>The D.A. calls a turn / Erle Stanley Gardner.-- Pocket Books ; 1958, c1944.-- (A cardinal edition ; C-291).</t>
  </si>
  <si>
    <t>The D.A. breaks a seal / Erle Stanley Gardner.-- Pocket Books ; 1958, c1946.-- (A cardinal edition ; C-292).</t>
  </si>
  <si>
    <t>The D.A. breaks an egg / Erle Stanley Gardner.-- Pocket Books ; 1958, c1949.-- (A cardinal edition ; C-294).</t>
  </si>
  <si>
    <t>The D.A. calls it murder / Erle Stanley Gardner.-- Pocket Books ; 1958, c1937.-- (A cardinal edition ; C-295).</t>
  </si>
  <si>
    <t>The case of the nervous accomplice / Erle Stanley Gardner.-- Pocket Books ; 1958, c1955.-- (A cardinal edition ; C-297).</t>
  </si>
  <si>
    <t>The case of the careless kitten / Erle Stanley Gardner.-- Pocket Books ; 1958, c1942.-- (A cardinal edition ; C-299).</t>
  </si>
  <si>
    <t>The case of the sulky girl / Erle Stanley Gardner.-- Pocket Books ; 1958, c1933.-- (A cardinal edition ; C-309).</t>
  </si>
  <si>
    <t>The case of the demure defendant / Earle Stanley Gardner.-- Pocket Books ; 1959, c1956.-- (A cardinal edition ; C-323).</t>
  </si>
  <si>
    <t>The case of the curious bride / Erle Stanley Gardner.-- Pocket Books ; 1959, c1934.-- (A cardinal edition ; C-324).</t>
  </si>
  <si>
    <t>The case of the cautious coquette / Erle Stanley Gardner.-- Pocket Books ; 1959, c1949.-- (A cardinal edition ; C-332).</t>
  </si>
  <si>
    <t>The case of the gilded lily / Erle Stanley Gardner.-- Pocket Books ; 1959, c1956.-- (A cardinal edition ; C-337).</t>
  </si>
  <si>
    <t>The case of the lucky loser / Erle Stanley Gardner.-- Pocket Books ; 1959, c1956.-- (A cardinal edition ; C-341).</t>
  </si>
  <si>
    <t>The case of the dubious bridegroom / Erle Stanley Gardner.-- Pocket Books ; 1959, c1949.-- (A cardinal edition ; C-376).</t>
  </si>
  <si>
    <t>The case of the screaming woman / Erle Stanley Gardner.-- Pocket Books ; 1960, c1957.-- (A cardinal edition ; C-377).</t>
  </si>
  <si>
    <t>The case of the substitute face / Erle Stanley Gardner.-- Pocket Books ; 1960, c1938.-- (A cardinal edition ; C-378).</t>
  </si>
  <si>
    <t>The case of the perjured parrot / Erle Stanley Gardner.-- Pocket Books ; 1960, c1939.-- (A cardinal edition ; C-379).</t>
  </si>
  <si>
    <t>The Nostradamus traitor / John Gardner ; pbk.-- Coronet Books ; 1980, c1979.</t>
  </si>
  <si>
    <t>823.91/G22</t>
  </si>
  <si>
    <t>For special services / John Gardner.-- Coronet Books ; 1982.</t>
  </si>
  <si>
    <t>Icebreaker / John Gardner ; pbk.-- Coronet Books ; 1984, c1983.</t>
  </si>
  <si>
    <t>The airline pirates : a new Boysie Oakes adventure / John Gardner ; pbk.-- Coronet Books ; 1972, c1970.</t>
  </si>
  <si>
    <t>Ian Fleming's James Bond in licence to kill / by John Gardner ; pbk.-- Charter Books ; 1989.</t>
  </si>
  <si>
    <t>The return of Moriarty / John Gardner.-- Berkley Publishing Co.; 1976, c1974.-- (A berkley medallion book).</t>
  </si>
  <si>
    <t>A complete state of death / John Gardner.-- Transworld publishers; 1970, c1969.-- (A Corgi books).</t>
  </si>
  <si>
    <t>Fat city / by Leonard Gardner.-- Dell Publishing ; 1970, c1969.-- (A Dell books).</t>
  </si>
  <si>
    <t>The sailor's return and Beany-eye / by David Garnett.-- Penguin ; 1948.-- (Penguin books ;  672).</t>
  </si>
  <si>
    <t>823.91/G23</t>
  </si>
  <si>
    <t>Tiger milk : a mystery novel / by David Garth.-- Popular Library ; [1945?], c1941.</t>
  </si>
  <si>
    <t>813.5/G24</t>
  </si>
  <si>
    <t>The secrets of the German war office / by Dr. Armgaard Karl Graves, late spy of the German government.-- T. Werner Laurie ; [1914].</t>
  </si>
  <si>
    <t>327.43/G78</t>
  </si>
  <si>
    <t>The riddle of Samson / Andrew Garve.-- Lancer Books; 1963, c1954.-- (Lancer books ; 72-676).</t>
  </si>
  <si>
    <t>Death and the sky above / Andrew Garve.-- Lancer Books; 1963, c1953.-- (Lancer books ; 72-675).</t>
  </si>
  <si>
    <t>The house of soldiers / Andrew Garve.-- Lancer Books; 1963, c1961.-- (Lancer books ; 72-674).</t>
  </si>
  <si>
    <t>The Cuckoo Line affair / Andrew Garve.-- Lancer Books; 1963, c1953.-- (Lancer books ; 72-677).</t>
  </si>
  <si>
    <t>The far sands / Andrew Garve.-- Lancer Books; 1963, c1961.-- (Lancer books ; 72-693).</t>
  </si>
  <si>
    <t>The end of the track / Andrew Garve.-- Lancer Books; 1963, c1956.-- (Lancer books ; 72-699).</t>
  </si>
  <si>
    <t>Fontego's folly / Andrew Garve.-- Lancer Books; 1963, c1950.-- (Lancer books ; 72-704).</t>
  </si>
  <si>
    <t>By-line for murder / Andrew Garve.-- Lancer Books; 1964, c1951.-- (Lancer books ; 72-715).</t>
  </si>
  <si>
    <t>The Galloway case / Andrew Garve.-- Lancer Books; 1964, c1958.-- (Lancer books ; 72-716).</t>
  </si>
  <si>
    <t>A hole in the ground / Andrew Garve.-- Lancer Books; 1964, c1952.-- (Lancer books ; 72-730).</t>
  </si>
  <si>
    <t>No tears for Hilda / Andrew Garve.-- Lancer Books; 1964, c1950.-- (Lancer books ; 72-739).</t>
  </si>
  <si>
    <t>The sea monks / Andrew Garve.-- Lancer Books; 1964, c1963.-- (Lancer books ; 72-759).</t>
  </si>
  <si>
    <t>A hero for Leanda / Andrew Garve.-- Lancer Books; 1965, c1959.-- (Lancer books ; 72-783).</t>
  </si>
  <si>
    <t>Murder through the looking glass / Andrew Garve.-- Lancer Books; 1965, c1951.-- (Lancer books ; 72-987).</t>
  </si>
  <si>
    <t>A very quiet place / by Andrew Gar.-- Popular Library ; c1967.</t>
  </si>
  <si>
    <t>Hide and go seek  / by Andrew Gar.-- Popular Library ; c1966.</t>
  </si>
  <si>
    <t>The ashes of Loda  / by Andrew Garve.-- Harper &amp; Row; 1966, c1965.-- (Perennial Library).</t>
  </si>
  <si>
    <t>Home to roost / Andrew Garve.-- Penguin ; 1978, c1976.</t>
  </si>
  <si>
    <t>A hero for Leanda / Andrew Garve.-- Collins; 1961, c1959.-- (Fontana books ; 2397).</t>
  </si>
  <si>
    <t>The Megstone plot / Andrew Garve.-- Collins; 1964.-- (Fontana books ; 878).</t>
  </si>
  <si>
    <t>The long short cut / Andrew Garve.-- Pan Books; 1970, c1968.</t>
  </si>
  <si>
    <t>By-line for murder / by Andrew Garve.-- Dell Publishing Co.; c1951.-- (Dell book ; 765).</t>
  </si>
  <si>
    <t>Murder through the looking glass / by Andrew Garve.-- Dell Publishing Co.; c1951.-- (Dell book ; 827).</t>
  </si>
  <si>
    <t>The bloody Bokhara /  William Campbell Gault.-- Dell Publishing Co.; c1951.-- (Dell book ; 746).</t>
  </si>
  <si>
    <t>813.5/G27</t>
  </si>
  <si>
    <t>Don't cry for me /  William Campbell Gault.-- Dell Publishing Co.; c1952.-- (Dell book ; 672).</t>
  </si>
  <si>
    <t>The canvas coffin /  William Campbell Gault.-- Dell Publishing Co.; c1953.-- (Dell book ; 795).</t>
  </si>
  <si>
    <t>Million dollar tramp / by William Campbell Gault.-- Fawcett Publications ; c1960.-- (Crest book ; 361).</t>
  </si>
  <si>
    <t>Vein of violence / by William Campbell Gault.-- Award Books ; 1965.-- (Award Books  ; KA125F).</t>
  </si>
  <si>
    <t>The Grail tree / Jonathan Gash ; pbk..-- Dell Publishing Co.; 1982, c1979.-- (A scene of the crime mystery).</t>
  </si>
  <si>
    <t>823.91/G25</t>
  </si>
  <si>
    <t>Code name hangman / Paul Geddes.-- Penguin ; 1979.-- (Penguin books ; . Crime).</t>
  </si>
  <si>
    <t>823.91/G31</t>
  </si>
  <si>
    <t>The Ottawa allegation / Paul Geddes.-- Penguin ; 1976, c1973.-- (Penguin books ; . Crime).</t>
  </si>
  <si>
    <t>Driven / by Richard Gehman.-- Fawcett Publications; c1954.-- (Gold medal giant ; d973).</t>
  </si>
  <si>
    <t>813.5/G31</t>
  </si>
  <si>
    <t>The final steal / by Peter George.-- Dell Publishing Co.; 1965, c1961.-- (Dell book ; 2523).</t>
  </si>
  <si>
    <t>813.5/G35</t>
  </si>
  <si>
    <t>Brigadier Gerard / by Arthur Conan Doyle ; edited and arranged, with an afterword by Jack Tracy.-- Jove Publications; 1982.-- (A Jove book).</t>
  </si>
  <si>
    <t>Night of the vampire / by Raymond Giles.-- Avon Books; 1969.-- (Avon books ; S361 ).</t>
  </si>
  <si>
    <t>813.5/G44</t>
  </si>
  <si>
    <t>The spare-time book : a practical guide to adventure / by Tony Gibson and Jack Singleton.-- Penguin; 1961.</t>
  </si>
  <si>
    <t>790/G42</t>
  </si>
  <si>
    <t>McGarr at the Dublin horse show / Bartholomew Gill.-- Dell Publishing; 1981, c1979.-- (A Murder ink mystery ; 19).</t>
  </si>
  <si>
    <t>813.5/G45</t>
  </si>
  <si>
    <t>McGarr and the Sienese conspiracy  / Bartholomew Gill.-- Dell Publishing; 1980, c1977.-- (A Murder ink mystery ; 5).</t>
  </si>
  <si>
    <t>McGarr and the politician's wife / by Bartholomew Gill.-- Penguin ; 1982, c1977.</t>
  </si>
  <si>
    <t>McGarr on the Cliffs of Moher / by Bartholomew Gill.-- Penguin ; 1982, c1978.</t>
  </si>
  <si>
    <t>McGarr and the P.M. of Belgrave Square / Bartholomew Gill.-- Viking Penguin ; 1984, c1983.-- (Penguin books).</t>
  </si>
  <si>
    <t>The man in button boots / by Anthony Gilbert.-- Published for The Crime Club by The Albatross; c1935.-- (The Albatross crime club ; 134).</t>
  </si>
  <si>
    <t>Out for the kill / Anthony Gilbert.-- Pyramid Books ; 1965, c1960.-- (A Green Door mystery ; R-1269).</t>
  </si>
  <si>
    <t>Murder comes home / Anthony Gilbert.-- Pyramid Books ; 1965, c1951.-- (A Green Door mystery ; R-1150).</t>
  </si>
  <si>
    <t>Death casts a long shadow / Anthony Gilbert.-- Pyramid Books ; 1966, c1959.-- (A Green Door mystery ; R-1292).</t>
  </si>
  <si>
    <t>Murder comes home / Anthony Gilbert.-- Pyramid Books ; 1965, c1951.-- (Pyramid mystery ; T2373).</t>
  </si>
  <si>
    <t>Death has deep roots / Michael Gilbert.-- Dell Publishing Co.; c1951.-- (Dell Book ; 744).</t>
  </si>
  <si>
    <t>The danger within / Michael Gilbert.-- Dell Publishing Co.; c1952.-- (Dell Book ; 870).</t>
  </si>
  <si>
    <t>After the fine weather / Michael Gilbert.-- Lancer Books ; 1964, c1963.-- (Lancer suspense library ; 72-771).</t>
  </si>
  <si>
    <t>Death has deep roots / Michael Gilbert.-- Lancer Books ; 1964, c1952.-- (Lancer suspense library ; 72-738).</t>
  </si>
  <si>
    <t>Fear to tread / Michael Gilbert.-- Lancer Books ; 1964, c1953.-- (Lancer suspense library ; 72-736).</t>
  </si>
  <si>
    <t>Smallbone deceased / Michael Gilbert.-- Lancer Books ; 1964, c1950.-- (Lancer suspense library ; 72-737).</t>
  </si>
  <si>
    <t>Blood and judgment / Michael Gilbert.-- Lancer Books ; 1965, c1959.-- (Lancer suspense library ; 72-790).</t>
  </si>
  <si>
    <t>Flash point / Michael Gilbert.-- Penguin; 1976, c1974.-- (Penguin crime fiction).</t>
  </si>
  <si>
    <t>Smallbone deceased / Michael Gilbert.-- Penguin; 1974, c1950.-- (Penguin crime fiction).</t>
  </si>
  <si>
    <t>The empty house / Michael Gilbert.-- Penguin; 1980, c1978.-- (Penguin crime fiction).</t>
  </si>
  <si>
    <t>The night of the twelfth / Michael Gilbert.-- Penguin; 1978, c1976.-- (Penguin crime fiction).</t>
  </si>
  <si>
    <t>Exit Lorentz / Teodor Gladkov, Apollinary Sergeyev.-- Progress Publishers; c1985.</t>
  </si>
  <si>
    <t>891.73/G48</t>
  </si>
  <si>
    <t>Back to the future : a novel / by George Gipe ; based on a screenplay by Robert Zemeckis and Bob Gale.-- Berkley Books; c1985.-- (Berkley movie tie-in).</t>
  </si>
  <si>
    <t>813.5/G47</t>
  </si>
  <si>
    <t>The gasp : a novel / by Romain Gary.-- Pocket Books ; 1974, c1973.</t>
  </si>
  <si>
    <t>The battle of the Villa Fiorita / Rumer Godden.-- Dell Publishing Co.; 1964, c1963.-- (Dell book ; 0482).</t>
  </si>
  <si>
    <t>823.91/G55</t>
  </si>
  <si>
    <t>Murder for Christmas / edited by Thomas Godfrey ; illustrated by Gahan Wilson.-- Mysterious Press; c1982.</t>
  </si>
  <si>
    <t>808.83/G55</t>
  </si>
  <si>
    <t>The conscience of a conservative / by Barry Goldwater.-- Hillman Books; c1960.</t>
  </si>
  <si>
    <t>320.973/G61</t>
  </si>
  <si>
    <t>Sherlock Holmes, bridge detective / by George Gooden and Frank Thomas.-- Pinnacle Books ; 1976, c1973.</t>
  </si>
  <si>
    <t>795.4/Th5</t>
  </si>
  <si>
    <t>The do-gooders / by Alfred Grossman.-- Panther Books; 1970, c1967.</t>
  </si>
  <si>
    <t>823.91/G88</t>
  </si>
  <si>
    <t>The Railway murders / Jonathan Goodman.-- Sphere Books; 1986, c1984.</t>
  </si>
  <si>
    <t>364.15/G65</t>
  </si>
  <si>
    <t>Case file : FBI / by The Gordons.-- Bantam Books; 1954, c1953.-- (A Bantam book ; 1273).</t>
  </si>
  <si>
    <t>813.5/G67</t>
  </si>
  <si>
    <t>Case file : FBI / by The Gordons.-- Bantam Books; 1954, c1953.</t>
  </si>
  <si>
    <t>FBI story / by the Gordons.-- Bantam Books; 1955, c1950.</t>
  </si>
  <si>
    <t>Undercover Cat prowls again / by The Gordons.-- Bantam Books; 1967, c1966.-- (A bantam books  ; H3527).</t>
  </si>
  <si>
    <t>Murder rides the campaign train / by the Gordons.-- Popular Library ; 1952.-- (A crime club selection ; SP304).</t>
  </si>
  <si>
    <t>A time of predators / Joe Gores.-- Ballantine Books ; 1970, c1969.</t>
  </si>
  <si>
    <t>Murder on the aisle / Edward Gorman.-- Ballantine Books ; 1989, c1987.</t>
  </si>
  <si>
    <t>813.5/G68</t>
  </si>
  <si>
    <t>Bloodstalk / by Ron Goulart.-- A Warner Communications Co.; 1975.-- (Vampirella ; 1).</t>
  </si>
  <si>
    <t>813.5/G73</t>
  </si>
  <si>
    <t>The walking stick / by Winston Graham.-- Bantam Books ; 1968, c1967.-- (A bantam book ; N3779).</t>
  </si>
  <si>
    <t>823.91/G76</t>
  </si>
  <si>
    <t>The witch's workbook / by Ann Grammary.-- Pocket Books; 1973.-- (Pocket Books  ; 78287).</t>
  </si>
  <si>
    <t>813.5/G76</t>
  </si>
  <si>
    <t>The secret war : the story of international espionage since World War II / Sanche de Gramont.-- Dell Pub. Co. ; 1963, c1962.</t>
  </si>
  <si>
    <t>355.3/Mo44</t>
  </si>
  <si>
    <t>Schism / Bill Granger.-- New English Library; 1983, c1981.</t>
  </si>
  <si>
    <t>813.5/G77</t>
  </si>
  <si>
    <t>The ghost makers / by Maxwell Grant.-- Bantam Books; 1970, c1960.-- (A bantam book ; H5329).</t>
  </si>
  <si>
    <t>The death tower / by Maxwell Grant.-- Bantam Books; 1969, c1959.-- (A bantam book ; H4770).</t>
  </si>
  <si>
    <t>The Shadow's shadow : from the Shadow's private annals / as told to Maxwell Grant.-- Pyramid Books ; 1977, c1960.-- (Pyramid Books  ; The shadow 16).</t>
  </si>
  <si>
    <t>A monster is loose! / by Vernon Grant.-- Charles E. Tuttle; [1972].-- (Tut books. H).</t>
  </si>
  <si>
    <t>741.5/G77</t>
  </si>
  <si>
    <t>A complete guide to the tarot / by Eden Gray.-- Bantam Books ; 1972, c1970.-- (A bantam book ; Q6696).</t>
  </si>
  <si>
    <t>133.3/G79</t>
  </si>
  <si>
    <t>The education of T.C. Mits / drawings by Hugh Gray Lieber ; words by Lillian R. Lieber.-- Editions for the Armed Services; [1945], c1944.-- (Armed services editions ; 1060).</t>
  </si>
  <si>
    <t>510/L62</t>
  </si>
  <si>
    <t>What a body! / by Alan Green.-- Dell Publishing Co.; c1949.-- (Dell book ; 483).</t>
  </si>
  <si>
    <t>813.5/G82</t>
  </si>
  <si>
    <t>They died laughing  / Alan Green.-- Dell Publishing Co.; [1953],c1952.-- (Dell book ; 701).</t>
  </si>
  <si>
    <t>Phantoms / edited by Martin H. Greenberg &amp; Rosalind M. Greenberg.-- Daw Books; 1989.-- (Daw book collection ; 778).</t>
  </si>
  <si>
    <t>813.087/G82</t>
  </si>
  <si>
    <t>The man within / by Graham Greene.--  Bantam Books ; 1948, c1929.-- (Bantam book ; 355).</t>
  </si>
  <si>
    <t>The Penguin guide to bargain records / Edward Greenfield, Ivan March, Denis Stevens ; edited by Ivan March.-- Penguin; 1966.-- (Penguin books ; 2608).</t>
  </si>
  <si>
    <t>780/G82</t>
  </si>
  <si>
    <t>Puzzle in porcelain / by Elizabeth Gresham.-- Curtis Books ; c1945.-- (Curtis books  ; 07254).</t>
  </si>
  <si>
    <t>813.5/G84</t>
  </si>
  <si>
    <t>Puzzle in Paisley / by Elizabeth Gresham.-- Curtis Books ; c1972.-- (Curtis books  ; 07260).</t>
  </si>
  <si>
    <t>Doubles in death / by William Grew.-- Permabooks ; 1955, c1953 .-- (Perma books  ; M3019).</t>
  </si>
  <si>
    <t>The Chinese assassin / Anthony Grey.-- Futura Publications; 1979, c1978.</t>
  </si>
  <si>
    <t>823.91/G84</t>
  </si>
  <si>
    <t>Wyoming / Zane Grey.-- Pocket Books ; 1962, c1932.-- (Pocket books  ; 55301).</t>
  </si>
  <si>
    <t>Reputation for a song / Edward Grierson.-- Reissued.-- Penguin ; 1986, c1952.-- (Penguin classic crime).</t>
  </si>
  <si>
    <t>823.91/G85</t>
  </si>
  <si>
    <t>The man with a load of mischief / Martha Grimes.-- Dell Publishing Co.;  [1982], c1981.-- (A dell book ; 15327).</t>
  </si>
  <si>
    <t>813.5/G86</t>
  </si>
  <si>
    <t>The old fox deceiv'd  / Martha Grimes.-- Dell Publishing Co.;  [1983], c1982.-- (A dell book ; 16747).</t>
  </si>
  <si>
    <t>Jerusalem Inn  / Martha Grimes.-- Dell Publishing ; 1990, c1984.-- (A dell book ; 14181).</t>
  </si>
  <si>
    <t>Help the poor struggler  / Martha Grimes.-- Headline Book Publishing Co.; 1989, c1985.</t>
  </si>
  <si>
    <t>Superman : serial to cereal / by Gary H. Grossman.-- Popular Library; 1977, c1976.-- (Popular library film series).</t>
  </si>
  <si>
    <t>791.43/G88</t>
  </si>
  <si>
    <t>You'll die when you hear this / by Marjorie J. Grove.-- kensington Publishing Co.; 1978.-- (Zebra Books).</t>
  </si>
  <si>
    <t>813.5/G88</t>
  </si>
  <si>
    <t>You'll die laughing  / by Marjorie J. Grove.-- kensington Publishing Corp.; 1978.-- (Zebra Books).</t>
  </si>
  <si>
    <t>Simon Lash : private detective / by Frank Gruber.-- Penguin Books; 1945.-- (Penguin books  ; 562).</t>
  </si>
  <si>
    <t>813.5/G89</t>
  </si>
  <si>
    <t>The gift horse / Frank Gruber.-- Bantam Books; 1945, c1942.-- (A Johnny Fletcher mystery).</t>
  </si>
  <si>
    <t>The talking clock : a mystery / by Frank Gruber.-- Penguin Books; 1944, c1941.-- (Penguin books  ; 545).</t>
  </si>
  <si>
    <t>Market for murder / by Frank Gruber.-- Penguin Books; 1947, c1946.-- (Penguin books  ; 651).</t>
  </si>
  <si>
    <t>The Etruscan bull / Frank Gruber.-- Pyramid Books  ; 1971, c1969.-- (A Pyramid books ; N2508).</t>
  </si>
  <si>
    <t>The corpse moved upstairs / by Frank Gruber.-- Belmont Books  ; 1964, c1942.-- (A Belmont Johnny Fletcher mystery).</t>
  </si>
  <si>
    <t>The red pavilion : a Chinese detective story with six illustrations by the author in Chinese style / Robert van Gulik.-- Penguin; 1969.-- (Penguin books ; C2996).</t>
  </si>
  <si>
    <t>823.91/G92</t>
  </si>
  <si>
    <t>The Chinese gold murders : a Chinese detective story with ten illustrations drawn by the author in the Chinese style  / Robert van Gulik.-- Penguin; 1962, c1959.-- (Penguin books ; C1776).</t>
  </si>
  <si>
    <t>The lacquer screen : a Chinese detective story with ten illustrations drawn by the author in the Chinese style / Robert van Gulik style.-- Penguin; 1968, c1962.-- (Penguin books ; C2826).</t>
  </si>
  <si>
    <t>The willow pattern : a Chinese detective story with fifteen illustrations drawn by the author in Chinese style / Robert van Gulik.-- Penguin; 1968, c1965.-- (Penguin books ; C2811).</t>
  </si>
  <si>
    <t>The emperor's pearl : a Chinese detective story with eight illustrations drawn by the author in Chinese style / Robert van Gulik.-- Penguin; 1966, c1963.-- (Penguin books ; C2431).</t>
  </si>
  <si>
    <t>The haunted monastery  : a Chinese detective story with eight illustrations in Chinese style drawn by the author / Robert van Gulik.-- Penguin; 1966, c1961.-- (Penguin books ; C2470).</t>
  </si>
  <si>
    <t>The monkey and The tiger / Robert van Gulik.-- Panther Books; 1968, c1965.-- (Panther books ; 027416).</t>
  </si>
  <si>
    <t>Murder in Canton / Robert van Gulik.-- Panther Books; 1969, c1966.-- (Panther books ; 027785).</t>
  </si>
  <si>
    <t>The Chinese maze murders  : a Chinese detective story suggested by three original Chinese plots / Robert van Gulik.-- Panther Books; 1967, c1962.-- (Panther books ; 2098).</t>
  </si>
  <si>
    <t>The Chinese bell murders : a Chinese detective story suggested by three original ancient Chinese plots / Robert van Gulik.-- Panther Books; 1966, c1958.-- (Panther books ; 1999).</t>
  </si>
  <si>
    <t>The Chinese lake murders  : A Chinese detective story suggested by ancient Chinese plots / Robert van Gulik.-- Avon Books ; c1960.-- (An avon Books  ; G-1195).</t>
  </si>
  <si>
    <t>The Chinese nail murders  : Judge Dee's last three cases, a Chinese detective story suggested by ancient Chinese plots / Robert van Gulik.-- Avon Books ; c1961.-- (An avon Books  ; G1219).</t>
  </si>
  <si>
    <t>The Chinese bell murders / Robert van Gulik.-- Avon Books ; [1963], c1958.-- (Avon classic crime collection).</t>
  </si>
  <si>
    <t>The emperor's pearl : a Chinese detective story / by Robert van Gulik.-- Bantam Books ; 1965.-- (A Bantam mystery ; F3002).</t>
  </si>
  <si>
    <t>The lacquer screen : a Chinese detective story / by Robert Van Gulik.-- Warner Paperback Library ; 1974.-- (Warner paperback library  ; 75-453).</t>
  </si>
  <si>
    <t>Deadlier than the male / by James Gunn.-- Signet Book ; 1949.-- (A signet book).</t>
  </si>
  <si>
    <t>813.5/G94</t>
  </si>
  <si>
    <t>Webster's new world dictionary of the American language / David B. Guralnik, general editor.-- Pocket-size edition.-- Popular Library; c1959.</t>
  </si>
  <si>
    <t>423/G95</t>
  </si>
  <si>
    <t>The troubled midnight / John Gunther.-- Popular Library; 1962, c1945.</t>
  </si>
  <si>
    <t>Between heaven and hell / Francis Irby Gwaltney.-- Popular Library ; 1956.</t>
  </si>
  <si>
    <t>813.5/G98</t>
  </si>
  <si>
    <t>The second Fontana book of great ghost stories / collected by Robert Aickman.-- Collins; 1966.-- (Fontana books).</t>
  </si>
  <si>
    <t>823.087/A23/2</t>
  </si>
  <si>
    <t>Le petit Nicolas / Sempé, Goscinny.-- Denoël; c1960.-- (Collection Folio ; 423).</t>
  </si>
  <si>
    <t>843.91/Se55</t>
  </si>
  <si>
    <t>La science-fiction / par Jean Gattégno.-- Presses universitaires de France; 1971.-- (Que sais-je? ; 1426).</t>
  </si>
  <si>
    <t>809.387/G26</t>
  </si>
  <si>
    <t>L'affaire Lerouge / Emile Gaboriau ; préface de Armand Lanoux.-- Le Livre de Poche; c1961.-- (Le livre de poche ; 711-712).</t>
  </si>
  <si>
    <t>843.8/G11</t>
  </si>
  <si>
    <t>The hand of Mary Constable / Paul Gallico.-- Heinemann; 1964.</t>
  </si>
  <si>
    <t>The case of the nervous accomplice / by Erle Stanley Gardner.-- William Morrow &amp; Company; c1955.</t>
  </si>
  <si>
    <t>The case of the sulky girl / Erle Stanley Gardner.-- Triangle books, the Blakiston Co.; 1944, c1933.</t>
  </si>
  <si>
    <t>The case of the perjured parrot / Erle Stanley Gardner.-- Triangle books, the Blakiston Co.; [1944], c1939.</t>
  </si>
  <si>
    <t>The case of the half-wakened wife / Erle Stanley Gardner.-- Grosset &amp; Dunlap ; 1945.</t>
  </si>
  <si>
    <t>The case of the glamorous ghost / by Erle Stanley Gardner.-- W.Morrow ; c1955.</t>
  </si>
  <si>
    <t>The case of the angry mourner / Erle Stanley Gardner.-- W.J. Black; c1951.</t>
  </si>
  <si>
    <t>The case of the cautious coquette ; The case of the crimson kiss ; The case of the crying swallow / by Erle Stanley Gardner.-- W.Morrow ; [c1947-c1949].</t>
  </si>
  <si>
    <t>Pay dirt and other Whispering sands stories of gold fever and the western desert / by Erle Stanley Gardner ; edited by Charles G. Waugh and Martin H. Greenberg.-- W.Morrow; 1983.</t>
  </si>
  <si>
    <t>The Erle Stanley Gardner triple-decker.-- Grosset &amp; Dunlap; c1940.</t>
  </si>
  <si>
    <t>Erle Stanley Gardner : the case of the real Perry Mason / by Dorothy B. Hughes.-- W. Morrow; c1978.</t>
  </si>
  <si>
    <t>813.5/G22/h</t>
  </si>
  <si>
    <t>The revenge of Moriarty / John Gardner.-- Putnam; 1975.</t>
  </si>
  <si>
    <t>The return of Moriarty / John Gardner.-- Putnam; c1974.</t>
  </si>
  <si>
    <t>Science fiction puzzle tales / Martin Gardner ; with a foreword by Isaac Asimov.-- Penguin; 1983, c1981.</t>
  </si>
  <si>
    <t>793.73/G22</t>
  </si>
  <si>
    <t>Horatio Alger : or The American hero era / Ralph D. Gardner.-- Arco; 1978.</t>
  </si>
  <si>
    <t>813.4/A41/g</t>
  </si>
  <si>
    <t>Rocambole, l'héritage mystérieux / Ponson du Terrail.-- Garnier; c1977.-- (Collection Classiques populaires ; . Les drames de Paris).</t>
  </si>
  <si>
    <t>843.8/P79</t>
  </si>
  <si>
    <t>The Cuckoo Line affair / by Andrew Garve.-- Harper &amp; Brothers, Publishers ; c1953.</t>
  </si>
  <si>
    <t>The listener / John Gill.-- Stein and Day; c1972.</t>
  </si>
  <si>
    <t>823.91/G45</t>
  </si>
  <si>
    <t>The tenant / John Gill.-- Collins; 1972.</t>
  </si>
  <si>
    <t>The crossword mystery / Robert B. Gillespie.-- Constable; 1979.-- (Constable crime ).</t>
  </si>
  <si>
    <t>The American private eye : the image in fiction / David Geherin ; pbk..-- Frederick Ungar publishing Co.; c1985.</t>
  </si>
  <si>
    <t>813.0872/G31</t>
  </si>
  <si>
    <t>Past caring / by Robert Goddard.-- Robert Hale; 1986.</t>
  </si>
  <si>
    <t>The search for Amelia Earhart / Fred Goerner.-- Doubleday; 1966.</t>
  </si>
  <si>
    <t>629.13/G56</t>
  </si>
  <si>
    <t>The Gollancz detective omnibus.-- Gollancz; 1951.</t>
  </si>
  <si>
    <t>823.0872/G61</t>
  </si>
  <si>
    <t>The burning of Evelyn Foster / Jonathan Goodman.-- Scribner; c1977.</t>
  </si>
  <si>
    <t>Dewey decimated / Charles A. Goodrum.-- Crown Publishers; c1977.</t>
  </si>
  <si>
    <t>Cheap thrills : an informal history of the pulp magazines / Ron Goulart.-- Arlington House; c1972.</t>
  </si>
  <si>
    <t>813.01/G73</t>
  </si>
  <si>
    <t>The undetective / Bruce Graeme.-- Hutchinson; 1962.</t>
  </si>
  <si>
    <t>823.91/G75</t>
  </si>
  <si>
    <t>What happens in book publishing / edited by Chandler B. Grannis.-- 2nd ed..-- Columbia University Press; 1967.</t>
  </si>
  <si>
    <t>070.5/G77</t>
  </si>
  <si>
    <t>Murder at the bridge table, or, Improve your duplicate score overnight / Matthew Granovetter..-- Granovetter Books ; c1988.</t>
  </si>
  <si>
    <t>795.4/G77</t>
  </si>
  <si>
    <t>The zoo murder / by Rrancis D. Grierson.-- Geoffrey Bles; 1926.</t>
  </si>
  <si>
    <t>Great stories of real life / retold by Edward Wallace, William Le Queux ... and others.-- J. Cape and H. Smith; 1930.</t>
  </si>
  <si>
    <t>909/W36</t>
  </si>
  <si>
    <t>Great tales of terror and the supernatural / edited by Herbert A. Wise and Phyllis Fraser.-- 5th ed.-- Hammond, Hammond; 1966.</t>
  </si>
  <si>
    <t>808.83/W78</t>
  </si>
  <si>
    <t>The queen of America / by Russell H. Greenan.-- Random House; c1972.</t>
  </si>
  <si>
    <t>The New adventures of Sherlock Holmes : original stories / by eminent mystery writers ; edited by Martin Harry Greenberg and Carol-Lynn Rössel Waugh.-- Carroll &amp; Graf; 1987.</t>
  </si>
  <si>
    <t>813.0872/G82</t>
  </si>
  <si>
    <t>Mother of detective fiction : the life and works of Anna Katharine Green / Patricia D. Maida ; pbk..-- Bowling Green State University Popular Press; c1989.</t>
  </si>
  <si>
    <t>813.4/G82/m</t>
  </si>
  <si>
    <t>Edgar Allan who-? / by Peter Van Greenaway.-- Gollancz; 1981.</t>
  </si>
  <si>
    <t>Graham Greene : the entertainer / Peter Wolfe ; with a preface by Harry T. Moore.-- Southern Illinois University Press; c1972.-- (Crosscurrents/modern critiques).</t>
  </si>
  <si>
    <t>823.91/G82/w</t>
  </si>
  <si>
    <t>The old silent / Martha Grimes.-- Little, Brown and Co.; c1989.</t>
  </si>
  <si>
    <t>Troika : a novel / David Gurr.-- Methuen; c1979.</t>
  </si>
  <si>
    <t>813.5/G95</t>
  </si>
  <si>
    <t>Dig me later / by Miriam-ann Hagen.-- Mercury Publications ; c1949.-- (A Mercury mystery ; 157).</t>
  </si>
  <si>
    <t>813.5/H12</t>
  </si>
  <si>
    <t>The world's desire / H. Rider Haggard and Andrew Lang.-- Ballantine Books; 1972.</t>
  </si>
  <si>
    <t>823.8/H12</t>
  </si>
  <si>
    <t>The people of the mist / H. Rider Haggard.-- Ballantine Books; 1973.</t>
  </si>
  <si>
    <t>Picture stories from the Bible : the Old Testament in comic-strip form / edited by M.C. Gaines ; ill. by Don Cameron ; scripts by Montgomery Mulford.-- Ballantine Books ; 1986, c1979.</t>
  </si>
  <si>
    <t>She / H. Rider Haggard.-- Hodder and Stoughton; 1976.-- (Cronet Books).</t>
  </si>
  <si>
    <t>She / H. Rider Haggard.-- Reder's Library Publishing; 1---.</t>
  </si>
  <si>
    <t>The hardliners / William Haggard.-- Corgi; 1972.</t>
  </si>
  <si>
    <t>823.91/H12</t>
  </si>
  <si>
    <t>The Tsaddik of the seven wonders / Isidore Haiblum.-- Ballantine Books; c1971.-- (Ballantine Books).</t>
  </si>
  <si>
    <t>813.5/H15</t>
  </si>
  <si>
    <t>Target / William Wister Haines.-- Ballantine Books; c1964.-- (Ballantine Books).</t>
  </si>
  <si>
    <t>The magicians / edited by Peter Haining ; Introduction by Colin Wilson.-- Pan Books; c1972.</t>
  </si>
  <si>
    <t>820.8/H15</t>
  </si>
  <si>
    <t>The nightmare reader / edited by Peter Haining ; Volume one, Volume two.-- Pan Books; c1973.</t>
  </si>
  <si>
    <t>823.0872/H15/1</t>
  </si>
  <si>
    <t>823.0872/H15/2</t>
  </si>
  <si>
    <t>The wild night company : Irish stories of fantasy and horror / Edited by Peter Haining ; Introduced by Ray Bradbury.-- Sphere Books; c1970.</t>
  </si>
  <si>
    <t>808.83/H15</t>
  </si>
  <si>
    <t>Everyman's book of classic horror stories / Edited by Peter Haining.-- Everyman's Library; 1976.</t>
  </si>
  <si>
    <t>The Satanists / edited by Peter Haining.-- Mayflower; 1971, c1969.</t>
  </si>
  <si>
    <t>The Lucifer Society : macabre tales by great modern writers / edited by Peter Haining.-- New American library; c1972.</t>
  </si>
  <si>
    <t>The ghouls / edited by Peter Haining ; introduced by Vincent Price, with an afterword by Christopher Lee.-- Stein and day; 1971.</t>
  </si>
  <si>
    <t>Beyond the curtain of dark / edited by Peter Haining.-- Pinnacle Books; 1972.</t>
  </si>
  <si>
    <t>Great tales of terror from Europe and America / edited by Peter Haining.-- Penguin; 1973.</t>
  </si>
  <si>
    <t>Rook's gambit / Adam Hall.-- Pyramid Boks; 1972.-- (Pyramid Suspense).</t>
  </si>
  <si>
    <t>823.91/H21</t>
  </si>
  <si>
    <t>Knight sinister / Adam Hall.-- Pyramid Books; 1971.-- (Pyramid Suspense).</t>
  </si>
  <si>
    <t>Blood on Biscayne bay : a Michael Shayne murder mystery / by Brett Halliday.-- Dell Publishing; 1946.-- (Dell Book ; 268).</t>
  </si>
  <si>
    <t>The corpse came calling / [by] Brett Halliday.-- Dell Publishing; c1942.-- (Dell Book ; 168).</t>
  </si>
  <si>
    <t>Murder in Miami / Brett Halliday.-- Dell Publishing; c1959.-- (Dell Book ; D331).</t>
  </si>
  <si>
    <t>Michael Shayne's long chance / by Brett Halliday.-- Dell; c1944.-- (Dell Book ; D416).</t>
  </si>
  <si>
    <t>The homicidal virgin / [by] Brett Halliday.-- Dell Publishing; 1961.-- (Dell Book ; D437).</t>
  </si>
  <si>
    <t>Mum's the word for murder / [by] Brett Halliday.-- Dell Publishing; c1938.-- (Dell Book ; 743).</t>
  </si>
  <si>
    <t>She woke to darkness / [by] Brett Halliday.-- Dell Publishing; 1944.-- (Dell Book ; 867).</t>
  </si>
  <si>
    <t>Bodies are where you find them / by Brett Halliday.-- Dell; c1951.-- (Dell Book ; 668).</t>
  </si>
  <si>
    <t>One night with Nora / by Brett Halliday.-- Dell Publishing; 1943.-- (Dell Book ; 803).</t>
  </si>
  <si>
    <t>Death has three lives / by Brett Halliday.-- Dell Publishing; 1945.-- (Dell Book ; 865).</t>
  </si>
  <si>
    <t>Framed in blood / [by] Brett Halliday.-- Dell Publishing; c1951.-- (Dell Book ; 958).</t>
  </si>
  <si>
    <t>Michael Shayne's long chance / by Brett Halliday.-- Dell; c1944.-- (Dell Book ; 5602).</t>
  </si>
  <si>
    <t>Murder in haste / by Brett Halliday.-- Dell Publishing; 1961.-- (Dell Book ; 5970).</t>
  </si>
  <si>
    <t>Never kill a client / [by] Brett Halliday.-- Dell Publishing; 1962.-- (Dell Book ; 6300).</t>
  </si>
  <si>
    <t>The removers / by Donald Hamilton.-- Fawcett Publications; c1961.-- (Gold medal books  ; S1082).</t>
  </si>
  <si>
    <t>The silencers / by Donald Hamilton.-- Fawcett Publications; c1962.-- (Gold medal books  ; S1194).</t>
  </si>
  <si>
    <t>The ambushers / by Donald Hamilton.-- Fawcett Publications; [1963].-- (Gold medal books  ; k1333).</t>
  </si>
  <si>
    <t>Death of a citizen / by Donald Hamilton.-- Fawcett Publications; c1960.-- (Gold medal books  ; k1334).</t>
  </si>
  <si>
    <t>The wrecking crew / by Donald Hamilton.-- Fawcett Publications; c1960.-- (Gold medal books  ; k1335).</t>
  </si>
  <si>
    <t>The shadowers / by Donald Hamilton.-- Fawcett Publications; c1964.-- (Gold medal books  ; k1386).</t>
  </si>
  <si>
    <t>Murderer's row  / by Donald Hamilton.-- Fawcett Publications; c1962.-- (Gold medal books  ; k1391).</t>
  </si>
  <si>
    <t>The ravagers / by Donald Hamilton.-- Fawcett Publications; c1964.-- (Gold medal books  ; k1452).</t>
  </si>
  <si>
    <t>Line of fire / by Donald Hamilton.-- Fawcett Publications; c1955.-- (Gold medal books  ; k1452).</t>
  </si>
  <si>
    <t>Assassins have starry eyes / by Donald Hamilton.-- Fawcett Publications; c1956.-- (Gold medal books  ; k1491).</t>
  </si>
  <si>
    <t>The devastators / Donald Hamilton.-- Fawcett Publications; c1965.-- (A Fawcett gold medal book  ; d1608).</t>
  </si>
  <si>
    <t>The steel mirror / Donald Hamilton.-- Fawcett Publications; c1948.-- (A Fawcett gold medal book  ; d1617).</t>
  </si>
  <si>
    <t>Murder twice told / Donald Hamilton.-- Fawcett Publications; c1948.-- (A Fawcett gold medal book ; d1623).</t>
  </si>
  <si>
    <t>The betrayers / Donald Hamilton.-- Fawcett Publications; c1966.-- (A Fawcett gold medal book ; d1736).</t>
  </si>
  <si>
    <t>The interlopers / Donald Hamilton.-- Fawcett Publications; c1969.-- (A Fawcett gold medal book ; T2073).</t>
  </si>
  <si>
    <t>The menacers / Donald Hamilton.-- Fawcett Publications; c1968.-- (A Fawcett gold medal book ; d1884).</t>
  </si>
  <si>
    <t>On guns and hunting / Donald Hamilton.-- Fawcett Publications; c1970.-- (A Fawcett gold medal book ; T2299).</t>
  </si>
  <si>
    <t>The poisoners / by Donald Hamilton.-- Fawcett Publications; c1971.-- (A Fawcett gold medal book ; T2392).</t>
  </si>
  <si>
    <t>Hanging judge / by Bruce Hamilton.-- Hillman Periodicals; c1948.-- (Hillman Periodical ; No.15).</t>
  </si>
  <si>
    <t>Pay-off in blood / by Brett Halliday.-- Dell Publshing; 1963, c1962.-- (A new Mike Shayne myst).</t>
  </si>
  <si>
    <t>The chocolate mousse murders / by Fred Halliday.-- Pinnacle Books; c1974.-- (Pinnacle Books fiction mystery).</t>
  </si>
  <si>
    <t>Mr Stimpson and Mr Gorse / Patrick Hamilton.-- Penguin; 1987.</t>
  </si>
  <si>
    <t>Blood money / by Dashiell Hammett.-- Dell Publishing Co.; 1927.-- (Dell Book ; 486).</t>
  </si>
  <si>
    <t>The Continental Op : more stories from the big knockover / Dashiell Hammett.-- Dell Publishind Co.; 1967, c1966.-- (Dell Book ; 1468).</t>
  </si>
  <si>
    <t>The Maltese falcon / by Dashiell Hammett.-- Pocket Books; 1944, c1930.-- (Pocket book ; 268).</t>
  </si>
  <si>
    <t>The glass key / Dashiell Hammett.-- Pocket Books; 1943, c1931.-- (Pocket book ; 211).</t>
  </si>
  <si>
    <t>Red harvest / by Dashiell Hammett.-- Readers' League of America; c1929.</t>
  </si>
  <si>
    <t>Red harvest / by Dashiell Hammett.-- Permabooks; 1656.-- (Perma books ; M-3043).</t>
  </si>
  <si>
    <t>Nightmare town / by Dashiell Hammett ; selected and edited by Ellery Queen.-- Dell Publishing Company, Inc.; c1948.-- (A Dell Book ; 379).</t>
  </si>
  <si>
    <t>The glass key / Dashiell Hammett.-- Penguin; 1966.-- (Penguin books ; C2435).</t>
  </si>
  <si>
    <t>The big knockover and other stories / [by Dashiell Hammett] ; edited and with an introduction by Lillian Hellman.-- Penguin Books; 1969, c1966.-- (Penguin books).</t>
  </si>
  <si>
    <t>The continental op / Dashiell Hammett ; selected and with an introduction by Steven Marcus.-- Pan Books; 1984, c1974.-- (Picador).</t>
  </si>
  <si>
    <t>Fadeout / Joseph Hansen.-- Bantam Books; 1971.-- (Bantam Books ; S6730).</t>
  </si>
  <si>
    <t>813.5/H29</t>
  </si>
  <si>
    <t>The private life of Sherlock Holmes / Michael and Mollie Hardwick ; from the screenplay by Billy Wilder and I.A.L. Diamond ; based on the characters created by Sir Arthur Conan Doyle.-- Bantam; 1971.-- (A bantam book ; S5877).</t>
  </si>
  <si>
    <t>The private life of Sherlock Holmes / Michael and Mollie Hardwick ; from the screenplay by Billy Wilder and I.A.L. Diamond ; based on the characters created by Sir Arthur Conan Doyle.-- Mayflower; 1970.</t>
  </si>
  <si>
    <t>Untimely death / Cyril Hare.-- Avon Book Division; c1957.-- (Avon ; F-134).</t>
  </si>
  <si>
    <t>That yew tree's shade / Cyril Hare.-- Faber &amp; Faber; 1986, c1954.</t>
  </si>
  <si>
    <t>Death is no sportsman / Cyril Hare.-- Faber &amp; Faber; 1986, c1938.</t>
  </si>
  <si>
    <t>Tenant for death / Cyril Hare.-- Faber &amp; Faber; 1986, c1954.</t>
  </si>
  <si>
    <t>Suicide excepted / Cyril Hare ; pbk.-- Hogarth; 1986.-- (Hogarth crime).</t>
  </si>
  <si>
    <t>Trial / by William Harrington.-- Fawcett; c1970.-- (A Fawcett crest book).</t>
  </si>
  <si>
    <t>Montezuma's revenge / Harry Harrison.-- Tom Doherty Associates; 1987, c1972.-- (A TOR book).</t>
  </si>
  <si>
    <t>Queen Victoria's revenge  / Harry Harrison.-- Tom Doherty Associates; 1987, c1974.-- (A TOR book).</t>
  </si>
  <si>
    <t>Le procès Bellamy / Frances Noyes Hart ; traduction nouvelle de Maurice-Bernard Endrèbe.-- Le livre de poche; 1963.</t>
  </si>
  <si>
    <t>Death on demand / Carolyn G. Hart.-- Bantam Books; c1987.-- (Bantam Books mystery).</t>
  </si>
  <si>
    <t>Design for murder / Carolyn G. Hart ; pbk..-- Bantam; 1988, c1987.</t>
  </si>
  <si>
    <t>Treacherous road / Simon Harvester.-- Macfadden-Bartell Co.; 1967, c1966.-- (A macfadden book ; 60-300).</t>
  </si>
  <si>
    <t>823.91/H34</t>
  </si>
  <si>
    <t>Cases in court / Patrick Hastings.-- Pan Books Ltd.; 1953.</t>
  </si>
  <si>
    <t>347.4/H38</t>
  </si>
  <si>
    <t>Agatha's friends / Thomas Hauser.-- Avon; 1983.</t>
  </si>
  <si>
    <t>813.5/H45</t>
  </si>
  <si>
    <t>Pulsar 1 : an original anthology of science fiction and science futurees / edited by George Hay.-- Penguin; 1978.-- (Penguin science fiction).</t>
  </si>
  <si>
    <t>808.83/H46</t>
  </si>
  <si>
    <t>The shadow of the moth : a novel of espionage with Virginia Woolf / Ellen Hawkes and Peter Manso ; pbk..-- Penguin; 1984, c1983.</t>
  </si>
  <si>
    <t>Cash McCall / Cameron Hawley.-- Pocket Books; 1958.-- (A cardinal edition ; C-313).</t>
  </si>
  <si>
    <t>The fray champion and other tales / by Nathaniel Hawthorne.-- Editions for the Armed Services; [1945].-- (Armed services editions ; 863).</t>
  </si>
  <si>
    <t>The devil in the bush / by Matthew Head.-- Avon Books; 1945.-- (An avon book ; G1193).</t>
  </si>
  <si>
    <t>813.5/C15</t>
  </si>
  <si>
    <t>The Congo Venus / by Matthew Head.-- Dell Publishing Co.; c1950.-- (A dell book ; 605).</t>
  </si>
  <si>
    <t>The cabinda affair / by Matthew Head.-- Dell Publishing Co.; c1949.-- (A dell book ; 390).</t>
  </si>
  <si>
    <t>The devil in the bush / by Matthew Head.-- Dell Publishing Co.; c1945.-- (A dell book ; 158).</t>
  </si>
  <si>
    <t>New tales of space and time / edited by Raymond J. Healy ; introduction by Anthony Boucher.-- Pocket Books; 1952, c1951.-- (Pocket book ; 908).</t>
  </si>
  <si>
    <t>808.83/H51</t>
  </si>
  <si>
    <t>The florentine dagger / by Ben Hecht.-- Illustrated edition.-- Royce Publishers; c1943.-- (Quick reader).</t>
  </si>
  <si>
    <t>813.5/H51</t>
  </si>
  <si>
    <t>Assignment in eternity / by Robert A. Heinlein.-- The new American library; [1954], c1953.-- (A signet book ; 1161).</t>
  </si>
  <si>
    <t>Tomorrow, the stars : a science fiction anthology  / edited and with an introduction by Robert A. Heinlein.-- The new American library; [1953], c1952.-- (A Signet book ; 1044).</t>
  </si>
  <si>
    <t>The old man and the sea / Ernest Hemingway.-- Penguin; 1966, c1952.-- (Penguin books ; 1937).</t>
  </si>
  <si>
    <t>San Francisco murders / by Allan R. Bosworth ... [et al.] ; and Joseph Henry Jackson, editor.-- Bantam Books; 1948, c1947.-- (A Bantam Book ; 354).</t>
  </si>
  <si>
    <t>808.83/J11</t>
  </si>
  <si>
    <t>She ; King Solomon's mines ; Allan Quaterman / three adventure novels of H. Rider Haggard.-- Dover; c1951.</t>
  </si>
  <si>
    <t>The Saga of Eric Brighteyes / by H. Rider Haggard.-- Newcastle publishing company; c1974.</t>
  </si>
  <si>
    <t>Ayesha : the return of She / by H. Rider Haggard.-- Ward, Lock; [1---].</t>
  </si>
  <si>
    <t>She and Allan / by H. Rider Haggard ; with eight ill. by Maurice Greiffenhagen.-- Newcastle Pub. Co.; 1975.-- (A Newcastle forgotten fantasy classic ; F-105).</t>
  </si>
  <si>
    <t>Heu-Heu or The Monster / H. Rider Haggard.-- Hutchinson; 1972.</t>
  </si>
  <si>
    <t>The man who was Frankenstein / Peter Haining.-- Frederick Muller; 1979.</t>
  </si>
  <si>
    <t>823.087/H15</t>
  </si>
  <si>
    <t>Mystery! : an illustrated history of crime and detective fiction / [compiled by] Peter Haining ; designed by Christopher Scott.-- Stein and Day; 1981, c1977.</t>
  </si>
  <si>
    <t>823.0872/H15</t>
  </si>
  <si>
    <t>Exit Sherlock Holmes : the great detective's final days / Robert Lee Hall.-- Charles Scribner's sons; c1977.</t>
  </si>
  <si>
    <t>823.087/H21</t>
  </si>
  <si>
    <t>The flying carpet / by Richard Halliburton.-- Garden City Publishing; c1932.</t>
  </si>
  <si>
    <t>910/H21</t>
  </si>
  <si>
    <t>Big time mysteries / by members of the Mystery Writers of America ; edited by Brett Halliday.-- Dodd, Mead; 1958.</t>
  </si>
  <si>
    <t>813.087/H21</t>
  </si>
  <si>
    <t>Halliwell's filmgoer's companion : incorporating The filmgoer's book of quotes and Halliwell's movie quiz / Leslie Halliwell.-- 8th ed.-- Paladin; 1985.</t>
  </si>
  <si>
    <t>791.43/H21</t>
  </si>
  <si>
    <t>Christopher Lee's new chamber of horrors / edited by Peter Haining.-- Souvenir Press; 1974.</t>
  </si>
  <si>
    <t>Too much of water / Bruce Hamilton.-- The Cresset Press; 1958.</t>
  </si>
  <si>
    <t>My life with Sherlock Holmes : conversations in Baker Street / by John H. Watson, M.D.; edited by J. R. Hamilton.-- JohnMurray; c1968.</t>
  </si>
  <si>
    <t>Shadow of the leopard / Michael Hartmann.-- Heinemann; 1978.</t>
  </si>
  <si>
    <t>Twenty thousand streets under the sky : a London trilogy / Patrick Hamilton ; new introduction by Michael Holroyd ; pbk..-- Hogarth Press; 1987.</t>
  </si>
  <si>
    <t>A list of the original appearances of Dashiell Hammett's magazine work / Assembled by E.H. Mundell.-- Kent State University Press; c1968.-- (The Serif series ; no. 13).</t>
  </si>
  <si>
    <t>813.5/H26/m</t>
  </si>
  <si>
    <t>Dashiell Hammett tour / Don Herron ; pbk..-- Dawn Heron Press : Order from D. Herron; c1982.-- (Literary walks in San Francisco ; #1).</t>
  </si>
  <si>
    <t>813.5/H26/h</t>
  </si>
  <si>
    <t>Dashiell Hammett : the four great novels.-- Pan Books; 1982.-- (Picador).</t>
  </si>
  <si>
    <t>The Continental Op / selected and with an introduction by Steven Marcus.-- [1st ed.].-- Random House; c1974.</t>
  </si>
  <si>
    <t>Dashiell Hammett's Secret agent X-9 / by Dashiell Hammett and Alex Raymond ; introduction by William F. Nolan ; edited by Tony Sparafucile ; with a special X-9 story by Leslie Charteris ; pbk..-- International Polygonics.-- (IPL library of crime classics).</t>
  </si>
  <si>
    <t>The paperback price guide / by Kevin Hancer ; pbk..-- Overstreet Publications.</t>
  </si>
  <si>
    <t>018.4/H28</t>
  </si>
  <si>
    <t>Four more Sherlock Holmes plays / by Michael and Mollie Hardwick: from stories by Sir Arthur Conan Doyle.-- John Murray; 1973.</t>
  </si>
  <si>
    <t>822.91/D89/h</t>
  </si>
  <si>
    <t>The wicker man : a novel / by Robin Hardy and Anthony Shaffer.-- Crown Publishers; c1978.</t>
  </si>
  <si>
    <t>The wicker man : a novel / by Robin Hardy and Anthony Shaffer.-- uncorrected proof.-- Crown Publishers; c1978.</t>
  </si>
  <si>
    <t>The Sherlock Holmes companion / Michael and Mollie Hardwick ; illustrations by Sidney Paget.-- John Murray; c1962.</t>
  </si>
  <si>
    <t>Prisoner of the devil / Michael Hardwick.-- Proteus; 1979.</t>
  </si>
  <si>
    <t>Death walks the woods / by Cyril Hare.-- Little, Brown and Company; 1954.</t>
  </si>
  <si>
    <t>Suicide excepted / Cyril Hare ; pbk..-- Dover Publications; 1982.</t>
  </si>
  <si>
    <t>Tenant for death / by Cyril Hare ; pbk..-- Dover Publications; 1981.</t>
  </si>
  <si>
    <t>The men from PIG and ROBOT / Harry Harrison.-- Faber &amp; Faber Ltd; 1974.</t>
  </si>
  <si>
    <t>The London of Sherlock Holmes / Michael Harrison.-- David &amp; Charles; c1972.</t>
  </si>
  <si>
    <t>Beyond Baker Street : a Sherlockian anthology / edited and annotated by Michael Harrison.-- Bobbs-Merrill; c1976.</t>
  </si>
  <si>
    <t>Death has two faces / by Norman Herries.-- Ace Books; c1955.-- (Ace books ; S-97).</t>
  </si>
  <si>
    <t>813.5/H53</t>
  </si>
  <si>
    <t>Envious Casca / Georgette Heyer.-- Bantam Books; 1970, c1941.-- (A Bantam book ; N7118).</t>
  </si>
  <si>
    <t>Death in the stocks / Georgette Heyer.-- Bantam Books; 1971, c1962.-- (A Bantam book ; N5995).</t>
  </si>
  <si>
    <t>No wind of blame / Georgette Heyer.-- Bantam Books; 1971, c1939.-- (A Bantam book ; N6657).</t>
  </si>
  <si>
    <t>They found him dead / Georgette Heyer.-- Bantam Books; 1970, c1937.-- (A Bantam book ; N7124).</t>
  </si>
  <si>
    <t>The unfinished clue / Georgette Heyer.-- Bantam Books; 1971, c1964.-- (A Bantam book ; N5792).</t>
  </si>
  <si>
    <t>The Corinthian / Georgette Heyer.-- Bantam Books; 1967, c1940.-- (A Bantam book ; SB4003).</t>
  </si>
  <si>
    <t>Envious Casca / Georgette Heyer.-- Bantam Books; 1970, c1941.-- (A Bantam book ; S5542).</t>
  </si>
  <si>
    <t>A blunt instrument / Georgette Heyer.-- Bantam Books; 1973, c1938.-- (A Bantam book ; N5692).</t>
  </si>
  <si>
    <t>Duplicate death  / Georgette Heyer.-- Panther books; 1972.</t>
  </si>
  <si>
    <t>Envious casca  / Georgette Heyer.-- Panther books; 1961.-- (A Panther book ; 1265).</t>
  </si>
  <si>
    <t>A blunt instrument  / Georgette Heyer.-- Pan Books; 1949.-- (Pan books ; 105).</t>
  </si>
  <si>
    <t>The adventures of Conan Doyle : the life of the creator of Sherlock Holmes / Charles Higham.-- Pocket Books; 1978, c1976.-- (A Kangaroo book ; 81699).</t>
  </si>
  <si>
    <t>The friends of Eddie Coyle / George V. Higgins.-- Bantam Books; 1973, 1971.-- (A Bantam book ; T7504).</t>
  </si>
  <si>
    <t>The digger's game / George V. Higgins.-- Popular Library; c1973.-- (Popular Library ; fiction).</t>
  </si>
  <si>
    <t>This sweet sickness / Patricia Highsmith.-- Penguin; 1972, c1960.-- (Penguin books).</t>
  </si>
  <si>
    <t>A suspension of mercy  / Patricia Highsmith.-- Penguin; 1972, c1965.-- (Penguin books).</t>
  </si>
  <si>
    <t>Ripley Underground / Patricia Highsmith.-- Penguin; 1973, c1970.-- (Penguin books).</t>
  </si>
  <si>
    <t>The glass cell / Patricia Highsmith.-- Penguin; 1973, c1964.-- (Penguin books).</t>
  </si>
  <si>
    <t>The cry of the owl / Patricia Highsmith.-- Penguin; 1973, c1962.-- (Penguin books).</t>
  </si>
  <si>
    <t>A dog's ransom / Patricia Highsmith.-- Penguin; 1975, c1972.-- (Penguin books).</t>
  </si>
  <si>
    <t>The animal lover's book of beastly murder / Patricia Highsmith.-- Penguin; 1979, c1975.-- (Penguin books).</t>
  </si>
  <si>
    <t>Edith's diary / Patricia Highsmith.-- Penguin; 1980, c1977.-- (Penguin books).</t>
  </si>
  <si>
    <t>Slowly, slowly in the wind   / Patricia Highsmith.-- Penguin; 1981, c1979.-- (Penguin books).</t>
  </si>
  <si>
    <t>Slowly, slowly in the wind   / Patricia Highsmith.-- Penguin; 1982, c1979.-- (Penguin books).</t>
  </si>
  <si>
    <t>The boy who followed Ripley / Patricia Highsmith.-- Penguin; 1981, c1980.-- (Penguin books).</t>
  </si>
  <si>
    <t>The black house / Patricia Highsmith.-- Penguin; 1982, c1981.-- (Penguin books).</t>
  </si>
  <si>
    <t>People who knock on the door / Patricia Highsmith.-- Penguin; 1984, c1983.-- (Penguin books).</t>
  </si>
  <si>
    <t>Mermaids on the golf course / Patricia Highsmith.-- Penguin; 1986, c1985.-- (Penguin books).</t>
  </si>
  <si>
    <t>The two faces of January / Patricia Highsmith.-- Macfadden-Bartell Co.; 1969.-- (A Macfadden books).</t>
  </si>
  <si>
    <t>Strangers on a train / Patricia Highsmith.-- Bantam Books; 1951, c1942.-- (A Bantam book ; 905).</t>
  </si>
  <si>
    <t>The talented Mr. Ripley / Patricia Highsmith.-- Dell Publishing; [1959], c1955.-- (A Dell mystery ; D282).</t>
  </si>
  <si>
    <t>This sweet sickness / Patricia Highsmith.-- Harper &amp; Row; 1965, c1960.-- (Perennial library ; P4009).</t>
  </si>
  <si>
    <t>The blunderer / Patricia Highsmith.-- Hamlyn; 1978.-- (Hamlyn paperbacks).</t>
  </si>
  <si>
    <t>I, Sherlock Holmes : memoirs of Mr. Sherlock Holmes, OM, late consulting private detective-in-ordinary to their majesties Queen Victoria, King Edward VII, and King George V / edited and annotated by Michael Harrison.-- E. P. Dutton; c1977.</t>
  </si>
  <si>
    <t>The life and times of Miss Jane Marple / by Anne Hart.-- Macmillan; c1985.</t>
  </si>
  <si>
    <t>823.91/C58/h</t>
  </si>
  <si>
    <t>Hide in the dark / by Frances Noyes Hart.-- Doubleday, Doran; c1929.</t>
  </si>
  <si>
    <t>The necronomicon / introduced by Colin Wilson, researched by Robert Turner and David Langford ; with contributory material by Stanislaus Hinterstoisser ... [et al.] ; illustrated by Gavin Stamp and Robert Turner ; edited by George Hay.-- Corgi; 1980.</t>
  </si>
  <si>
    <t>823.087/H46</t>
  </si>
  <si>
    <t>The ghostly tales of Washington Irving / edited with an introduction by Michael Hayes.-- John Calder; 1979.</t>
  </si>
  <si>
    <t>813.3/I67</t>
  </si>
  <si>
    <t>Another man's life / by Matthew Head.-- Simon and Schuster; 1953.</t>
  </si>
  <si>
    <t>Murder at the Flea Club / by Matthew Head [pseud.].-- William Heinemann LTD; 1957.</t>
  </si>
  <si>
    <t>The amazing Mycroft mysteries : a taste for honey reply paid the notched hairpin / three novels by H. F. Heard.-- Vanguard Press; c1980.</t>
  </si>
  <si>
    <t>An unfinished woman : a memoir / by Lillian Hellman.-- Little, Brown; c1969.</t>
  </si>
  <si>
    <t>812.5/H51</t>
  </si>
  <si>
    <t>Scoundrel time / by Lillian Hellman ; introduction by Garry Wills.-- Little, Brown; c1976.</t>
  </si>
  <si>
    <t>Pentimento : a book of portraits / Lillian Hellman.-- Little, Brown; c1973.</t>
  </si>
  <si>
    <t>Prize stories of 1937 : O. Henry memorial award / selected and edited by Harry Hansen.-- Doubleday, Doran; 1937.</t>
  </si>
  <si>
    <t>813.01/O11</t>
  </si>
  <si>
    <t>A blunt instrument / Georgette Heyer.-- William Heinemann; 1954.</t>
  </si>
  <si>
    <t>The progress of the seasons : forty years of baseball in our town / George V. Higgins ; introduction by Daniel Okrent.-- Prentice Hall Press; c1989.</t>
  </si>
  <si>
    <t>796.357/H55</t>
  </si>
  <si>
    <t>Deep water / Patricia Highsmith.-- Haper &amp; Brothers; c1957.</t>
  </si>
  <si>
    <t>Ripley under ground / Patricia Highsmith.-- Doubleday &amp; company; c1970.</t>
  </si>
  <si>
    <t>The two faces of January / Patricia Highsmith ; pbk..-- Atlantic Monthly Press : Distributed by Little, Brown; 1988, c1964.</t>
  </si>
  <si>
    <t>Eleven : short stories / by Patricia Highsmith.-- Heinemann; 1970.</t>
  </si>
  <si>
    <t>Beautiful shadow : a life of Patricia Highsmith / Andrew Wilson.-- Bloomsbury; 2003.</t>
  </si>
  <si>
    <t>813.5/H55/w</t>
  </si>
  <si>
    <t>Little tales of misogyny / Patricia Highsmith.-- Heinemann; 1977.</t>
  </si>
  <si>
    <t>Twenty-five ghost stories / compiled and edited by W. Bob Holland ; illustrated by Frank J. Russell.-- Illustrated edition company; [1941].</t>
  </si>
  <si>
    <t>808.83/H83</t>
  </si>
  <si>
    <t>How to drive a steam locomotive / Brian Hollingsworth.-- Penguin; 1981, c1979.</t>
  </si>
  <si>
    <t>625/H83</t>
  </si>
  <si>
    <t>Dark danger / Sydney Horler.-- Mystery House; 1945.</t>
  </si>
  <si>
    <t>Slowly, slowly in the wind / [by] Patricia Highsmith.-- Heinemann; 1979.</t>
  </si>
  <si>
    <t>F.O.B. murder / Bert and Dolores Hitchens.-- Doubleday; c1955.</t>
  </si>
  <si>
    <t>Hitchcock in prime time / edited by Francis M. Nevins, Jr. &amp; Martin Harry Greenberg ; with an introduction by Henry Slesar ; pbk..-- Avon; c1985.</t>
  </si>
  <si>
    <t>813.087/H77</t>
  </si>
  <si>
    <t>The transvection machine / by Edward D. Hoch.-- Walker and Company; c1971.</t>
  </si>
  <si>
    <t>Against the wind / Geoffrey Household.-- Michael Joseph; c1958.</t>
  </si>
  <si>
    <t>Against the wind / Geoffrey Household.-- Little, Brown; c1958.</t>
  </si>
  <si>
    <t>The three sentinels / by Geoffrey Household.-- Little, Brown; c1972.</t>
  </si>
  <si>
    <t>Tarzan and tradition : classical myth in popular literature / Erling B. Holtsmark.-- Greenwood Press; 1981.-- (Contributions to the study of popular culture ;  no. 1).</t>
  </si>
  <si>
    <t>813.5/H83</t>
  </si>
  <si>
    <t>The murderers of Monty / by Richard Hull.-- G. P. Putnam's sons; c1937.</t>
  </si>
  <si>
    <t>Operation Portland : the autobiography of a spy / by Harry Houghton.-- Rupert Hart-Davis; c1972.</t>
  </si>
  <si>
    <t>327.12/H81</t>
  </si>
  <si>
    <t>Cain / James Byron Huggins.-- Simon &amp; Schuster; c1997.</t>
  </si>
  <si>
    <t>The Davidian report / by Dorothy B. Hughes.-- Duell, Sloan &amp; Pearce; 1952.</t>
  </si>
  <si>
    <t>Keep it quiet / by Richard Hull ; pbk..-- Dover Publications; 1983, c1935.</t>
  </si>
  <si>
    <t>The mystery of a hansom cab / Fergus Hume ; pbk..-- Dover; 1982.</t>
  </si>
  <si>
    <t>The raven and the writing desk / [by] Francis Huxley.-- Thames and Hudson; 1976.</t>
  </si>
  <si>
    <t>823.8/C22/h</t>
  </si>
  <si>
    <t>On the Prime Minister's account / [by] Olle E. Högstrand. Translated by Elina Levy.-- Pantheon Books; c1972.</t>
  </si>
  <si>
    <t>839.7/H11</t>
  </si>
  <si>
    <t>The tremor of forgery / Patricia Highsmith ; pbk.-- Hamlyn; 1978, c1969.</t>
  </si>
  <si>
    <t>Those who walk away / by Patricia Highsmith ; pbk.-- Pan Books; 1970, c1967.</t>
  </si>
  <si>
    <t>The tremor of forgery / Patricia Highsmith.-- Panther; 1970, c1969.</t>
  </si>
  <si>
    <t>Ruling passion / Reginald Hill.-- Dell; 1973.-- (Dell Book ; . a scene of the crime ; mystery 50).</t>
  </si>
  <si>
    <t>The woman in black / Susan Hill.-- Penguin; 1984, c1983.-- (Penguin books).</t>
  </si>
  <si>
    <t>Strange meeting / Susan Hill.-- Penguin; 1974.-- (Penguin books ; fiction).</t>
  </si>
  <si>
    <t>The albatross, and other stories / Susan Hill.-- Penguin; 1974.</t>
  </si>
  <si>
    <t>I'm the king of the castle / Susan Hill.-- Penguin; 1974.-- (Penguin books).</t>
  </si>
  <si>
    <t>The fly on the wall / Tony Hillerman.-- Dell Publishing; c1971.</t>
  </si>
  <si>
    <t>813.5/H58</t>
  </si>
  <si>
    <t>Good-bye, Mr. Chips / James Hilton ; pbk..-- Hodder and Stoughton; 1965.</t>
  </si>
  <si>
    <t>If he hollers let him go : a novel / by Chester B. Himes.-- Berkley Publishing; 1955.</t>
  </si>
  <si>
    <t>The crazy kill / Chester Himes.-- Avon Book Division; c1959.</t>
  </si>
  <si>
    <t>The real cool killers / Chester Himes.-- Avon Publications; c1959.-- (Avon ; T-328).</t>
  </si>
  <si>
    <t>The big gold dream / Chester Himes.-- Avon Book Division; c1960.</t>
  </si>
  <si>
    <t>For love of Imabelle / by Chester Himes.-- FawcettPublications; 1957.</t>
  </si>
  <si>
    <t>Cotton comes to Harlem / Chester Himes.-- Dell Publishing; 1965.</t>
  </si>
  <si>
    <t>For love of Imabelle / by Chester Himes.-- Dell Publishing; 1965.</t>
  </si>
  <si>
    <t>The heat's on / Chester Himes.-- Dell Publishing; c1966.</t>
  </si>
  <si>
    <t>Hot day hot night / Chester Himes.-- Dell Publishing; c1969.</t>
  </si>
  <si>
    <t>Father pig / Burt Hirschfeld.-- Dell Publishing; c1972.</t>
  </si>
  <si>
    <t>843.91/H75</t>
  </si>
  <si>
    <t>Out of the depths / Leonard Holton.-- Dell Publishing; c1966.</t>
  </si>
  <si>
    <t>Florentine finish / Cornelius Hirschberg.-- Avon Books; [1964], c1963.-- (Avon classic crime collection ; PN221).</t>
  </si>
  <si>
    <t>Suspense stories : Thirteen tales of tension / Selected by Alfred Hitchcock.-- Dell publishing  Co.; c1949.-- (A Dell book ; 1367).</t>
  </si>
  <si>
    <t>808.83/H77</t>
  </si>
  <si>
    <t>Stories that scared even me : Alfred Hitchcock presents ; Part 1.-- Pan Books; 1970.-- (Pan books ; M).</t>
  </si>
  <si>
    <t>Alfred Hitchcock presents : Stories they wouldn't let me do on TV ; Part 1.-- Pan Books; 1960, c1957.-- (Pan books ; M).</t>
  </si>
  <si>
    <t>I am curious (bloody) / editor Alfred Hitchcock.-- Dell Publishing Co.; c1971.-- (A Dell books ; 3976).</t>
  </si>
  <si>
    <t>Alfred Hitchcock presents, terror time : more tales from A month of mystery / Alfred Hitchcock, editor.-- Dell Publishing Co.; c1972.-- (A Dell books ; 8615).</t>
  </si>
  <si>
    <t>Daring detectives / Alfred Hitchcock ; pbk.-- Pan Books; 1975.-- (A piccolo book).</t>
  </si>
  <si>
    <t>Widows won't wait (Nets to catch the wind) / by Dolores Hitchens.-- Dell Publishing Co.; c1952.-- (A Dell book ; 779).</t>
  </si>
  <si>
    <t>The watcher / Dolores Hitchens.-- Permabooks; 1961, c1959.-- (Permabook ; M-4205).</t>
  </si>
  <si>
    <t>The grudge / by Bert &amp; Dolores Hitchens.-- Popular Library; c1963.-- (A Crime Club selection ; SP372).</t>
  </si>
  <si>
    <t>The bank with the bamboo door / Dolores Hitchens.-- Lancer Books; c1966.-- (A Lancer gilt-edge gothic).</t>
  </si>
  <si>
    <t>The man who cried all the way home  / by Dolores Hitchens.-- Curtis Books; c1966.-- (Curtis books ; 07283).</t>
  </si>
  <si>
    <t>Orlando furioso / Translated by Richard Hodgens. Introd. by Lin Carter.-- Ballantine Books; c1973.</t>
  </si>
  <si>
    <t>851.3/A75</t>
  </si>
  <si>
    <t>The private world of Georgette Heyer / Jane Aiken Hodge.-- Pan Books; 1985, c1984.</t>
  </si>
  <si>
    <t>823.91/H53/h</t>
  </si>
  <si>
    <t>Thurtell and Hunt ; Frederick Nodder ; Peter Barnes and others ; John George Haigh / edited by James H. Hodge.-- Penguin; c1962.-- (Famous trials ; 6).</t>
  </si>
  <si>
    <t>The night land / William Hope Hodgson. ; vol.1.-- Pan Books; 1973.</t>
  </si>
  <si>
    <t>823.91/H81/1</t>
  </si>
  <si>
    <t>The night land / William Hope Hodgson. ; vol.2.-- Ballantine Books; 1972.</t>
  </si>
  <si>
    <t>823.91/H81/2</t>
  </si>
  <si>
    <t>A rough shoot / Geoffrey Household ; introduced by T.J. Binyon.-- Dent; 1984, c1951.-- (Classic thrillers).</t>
  </si>
  <si>
    <t>Fellow Passenger / Geoffrey Household.-- Pyramid Books; 1963, c1955.-- (Pyramid books ; R-944).</t>
  </si>
  <si>
    <t>A time to kill / Geoffrey Household.-- Pyramid Books; 1964, c1951.-- (Pyramid books ; R-979).</t>
  </si>
  <si>
    <t>The last two weeks of Georges Rivac / Geoffrey Household.-- Sphere Books; 1980, c1978.</t>
  </si>
  <si>
    <t>Watcher in the shadows / Geoffrey Household.-- Penguin; 1963, c1960..-- (Penguin books).</t>
  </si>
  <si>
    <t>A rough shoot / Geoffrey Household.-- Penguin; 1965, c1951.-- (Penguin books ; 2273).</t>
  </si>
  <si>
    <t>A time to kill / Geoffrey Household.-- Penguin; 1971, c1952.-- (Penguin books).</t>
  </si>
  <si>
    <t>Hostage London : the diary of Julian Despard / Geoffrey Household.-- Penguin; 1978, c1977.-- (Penguin books).</t>
  </si>
  <si>
    <t>The last two weeks of Georges Rivac / by Geoffrey Household.-- Penguin; 1979, c1978.-- (Penguin books).</t>
  </si>
  <si>
    <t>Dance of the dwarfs / by Geoffrey Household.-- Penguin; 1979, c1968.-- (Penguin books).</t>
  </si>
  <si>
    <t>Rogue justice / Geoffrey Household.-- Penguin; 1984, c1982.-- (Penguin books).</t>
  </si>
  <si>
    <t>The old battle ax : a mystery novel / Elisabeth Sanxay Holding.-- Popular Library; 1950, c1943.-- (Popular library ; 302).</t>
  </si>
  <si>
    <t>Murder is a kill-joy / by Elisabeth Sanxay Holding.-- Dell publishing  Co.; c1942.-- (A Dell book ; 103).</t>
  </si>
  <si>
    <t>Flight of the archangel / Isabelle Holland.-- Ballantine Books; 1986, c1985.</t>
  </si>
  <si>
    <t>The devil and the dolce vita / Timothy Holme.-- Futura; 1988, c1982.</t>
  </si>
  <si>
    <t>The scarlet messenger / by Henry Holt.-- Published for Crime Club by Collins; 1933.-- (The crime club ; 28).</t>
  </si>
  <si>
    <t>Mistress of mellyn / Victoria Holt.-- Fawcett Publications; [1961], c1960.-- (Crest book ; d468).</t>
  </si>
  <si>
    <t>Secret of the doubting saint / Leonard Holton.-- Dell Publishing Co.; [1965], c1961.-- (A Dell mystery ; 7713).</t>
  </si>
  <si>
    <t>Deliver us from wolves / Leonard Holton.-- Dell Publishing; c1963.</t>
  </si>
  <si>
    <t>The saint maker / Leonard Holton.-- Dell Publishing; c1959.</t>
  </si>
  <si>
    <t>Rupert of Hentzau / Anthony Hope.-- Puffin; 1984.</t>
  </si>
  <si>
    <t>823.8/H86</t>
  </si>
  <si>
    <t>The rock story / by Jerry Hopkins.-- New American Library; [1970].</t>
  </si>
  <si>
    <t>784/H86</t>
  </si>
  <si>
    <t>Wonder makers : an anthology of classic science fiction / edied by Robert Hoskins.-- Fawcett Publications; c1972.</t>
  </si>
  <si>
    <t>808.83/H92</t>
  </si>
  <si>
    <t>The tender killer / S.B. Hough.-- Avon Books; c1959.</t>
  </si>
  <si>
    <t>Conan : the hour of the dragon / by Robert E. Howard ; edited by Karl Edward Wagner.-- Authorized ed.-- Berkley Pub. Corp. : distributed by Putnam; c1977.</t>
  </si>
  <si>
    <t>Conan : red nails / by Robert E. Howard ; edited by Karl Edward Wagner.-- Authorized ed.-- Berkley Pub. Corp. : distributed by Putnam; c1977.</t>
  </si>
  <si>
    <t>Conan : the people of the black circle / by Robert E. Howard ; edited by Karl Edward Wagner.-- Authorized ed.-- Berkley Pub. Corp. : distributed by Putnam; c1977.</t>
  </si>
  <si>
    <t>The book of Robert E. Howard / edited by Glenn Lord.-- Authorized ed.-- Berkley Pub. Corp. : distributed by Putnam; 1980.</t>
  </si>
  <si>
    <t>813.5/H96/l</t>
  </si>
  <si>
    <t>The second book of Robert E. Howard / edited by Glenn Lord.-- Authorized ed.-- Berkley Pub. Corp. : distributed by Putnam; 1980.</t>
  </si>
  <si>
    <t>The nature of the universe / Fred Hoyle.-- New American Library; 1955.-- (A Mentor book ; M125).</t>
  </si>
  <si>
    <t>523/H96</t>
  </si>
  <si>
    <t>Decoys : a John Denson mystery / by Richard Hoyt ; pbk..-- Penguin Books; 1984, c1980.-- (Penguin crime fiction).</t>
  </si>
  <si>
    <t>30 for a Harry : a John Denson mystery / by Richard Hoyt ; pbk..-- Penguin Books; 1984, c1981.</t>
  </si>
  <si>
    <t>Writers of the future : the best new SF of the year L. Ron Hubbard presents / edited by Algis Burdryds ; 5.-- Bridge Publications; c1989.</t>
  </si>
  <si>
    <t>808.83/H98/5</t>
  </si>
  <si>
    <t>Fear &amp; the ultimate adventure / L. Ron Hubbard.-- Berkley Pub. Corp.; 1970.</t>
  </si>
  <si>
    <t>A case of need / Jeffery Hudson ; pbk.-- Pan Books; 1971, c1968.</t>
  </si>
  <si>
    <t>Witch-craft : power tough / by Louise Huebner.-- Bantam Books; 1971, c1969.-- (A Bantam book ; N5713).</t>
  </si>
  <si>
    <t>131/H98</t>
  </si>
  <si>
    <t>The covered wagon / by Emerson Hough.-- Pocket Books; 1946.-- (Pocket book ; SP1014).</t>
  </si>
  <si>
    <t>More... incest lovers / by Ted Hudson.-- Barclay Houce; c1971.</t>
  </si>
  <si>
    <t>The double take / by Roy Huggins.-- Pocket Books; 1948.-- (Pocket book ; 2524).</t>
  </si>
  <si>
    <t>The so blue marble / Dorothy B. Hughes.-- Pyramid; 1965.-- (Pyramid books ; . A green door mystery).</t>
  </si>
  <si>
    <t>The fallen sparrow / by Dorothy B. Hughes.-- Duell, Sloan and Pearce; c1942.-- (Armed services editions ; 869).</t>
  </si>
  <si>
    <t>The bamboo blonde / Dorothy B. Hughes.-- Pocket Books; 1946.-- (Pocket book ; 394).</t>
  </si>
  <si>
    <t>Ride the pink horse / by Dorothy B. Hughes ; pbk.-- Bantam; 1979, c1946.</t>
  </si>
  <si>
    <t>The delicate ape / Dorothy B. Hughes.-- Pocket Books; 1947.-- (Pocket book ; 422).</t>
  </si>
  <si>
    <t>The so blue marble / by Dorothy B. Hughes ; pbk.-- Bantam; 1979.</t>
  </si>
  <si>
    <t>In a lonely place / by Dorothy B. Hughes ; pbk.-- Bantam; 1979.</t>
  </si>
  <si>
    <t>A expendable man / Dorothy B. Hughes.-- Avon Books; c1963.-- (Avon mystery).</t>
  </si>
  <si>
    <t>The body on the bench / Dorothy B. Hughes.-- Dell Pbulishing; c1952.-- (Dell Book ; 853).</t>
  </si>
  <si>
    <t>Morgan Swift and the kidnapped goddess / Sara Hughes.-- Ballantine; 1985.-- (Ballantine young adult).</t>
  </si>
  <si>
    <t>793/H98</t>
  </si>
  <si>
    <t>The ghost it was / Richard Hull.-- Penguin Books; 1950.-- (Penguin books ; 794).</t>
  </si>
  <si>
    <t>Murder of my aunt / Richard Hull.-- Penguin Books; 1949.-- (Penguin books ; 708 . Mystery and crime).</t>
  </si>
  <si>
    <t>Bridge to nowhere / Larry R. Humes.-- Nordon Publications; c1980.-- (A leisure book ; 771).</t>
  </si>
  <si>
    <t>Where murder waits / by E. Howard Hunt writing as Gordon Davis.-- Fawcett Publications; c1965.-- (A Fawcett gold medal book ; M2857).</t>
  </si>
  <si>
    <t>The coven  / E. Howard Hunt writing as Gordon Davis.-- Fawcett Publications; [1973}, c1972.-- (A Fawcett crest book ; M1989).</t>
  </si>
  <si>
    <t>One of us works for them / Jack D. Hunter.-- Bantam Books; 1968, c1967.-- (A Buntam book ; S3633).</t>
  </si>
  <si>
    <t>The devil's picture book : the compleat guide to tarot cards / Paul Huson.-- Berkley Publishing Co.; 1973, c1971.-- (A Berkley medallion book).</t>
  </si>
  <si>
    <t>133.3/H98</t>
  </si>
  <si>
    <t>With murder for some / by H. C. Huston.-- Permabooks; 1954, c1953.-- (A Perma star ; 277).</t>
  </si>
  <si>
    <t>The Merry Hippo / Elspeth Huxley.-- Penguin; 1965, c1963.-- (Penguin crime).</t>
  </si>
  <si>
    <t>Green grow the tresses-o / Stanley Hyland.-- Penguin; 1973 c1965.-- (Penguin books).</t>
  </si>
  <si>
    <t>823.91/H99</t>
  </si>
  <si>
    <t>The lost continent / C.J. Cutliffe Hyne.-- Ballantine Books; c1972.</t>
  </si>
  <si>
    <t>Woman in power politics / by Angela Harper.-- New American Library; 1983.-- (A Signet book ; AE2261).</t>
  </si>
  <si>
    <t>793.9/H33</t>
  </si>
  <si>
    <t>Rock '70 / Chris Hodenfield.-- Pyramid Publications; c1970.-- (A Pyramid books ; T-2208).</t>
  </si>
  <si>
    <t>781.6/H81</t>
  </si>
  <si>
    <t>I'll be judge, I'll be jury / Elizabeth Hely.-- Dell Publishing Co.; [1962], c1959.-- (A Dell book ; R108).</t>
  </si>
  <si>
    <t>Crónica sentimental de España / Manuel Vázquez Montalbán ; prólogo de Guillermo Heras ; pbk..-- Espasa-Calpe; 1986.-- (Selecciones austral ; 150).</t>
  </si>
  <si>
    <t>946/V11</t>
  </si>
  <si>
    <t>A comprehensive index to Black Mask, 1920-1951 : with brief annotations, preface, and editorial apparatus / E.R. Hagemann, compiler and editor ; pbk..-- Bowling Green State University Popular Press; c1982.</t>
  </si>
  <si>
    <t>813.087/B52/h</t>
  </si>
  <si>
    <t>Allan's wife, with Hunter Quatermain's story, A tale of three lions, and Long odds / H. Rider Sir Haggard.-- Macdonald; 1951.-- (Macdonald illustrated editions).</t>
  </si>
  <si>
    <t>Maiwa's revenge, or, the war of the little hand / H. Rider Haggard ; illustrated by Hookway Cowles.-- Macdonald; 1965.-- (Macdonald illustrated editions).</t>
  </si>
  <si>
    <t>The ivory child / H. Rider Haggard ; illustrated by Hookway Cowles.-- Macdonald; 1958.-- (Macdonald illustrated editions).</t>
  </si>
  <si>
    <t>Marie / H. Rider Haggard ; illustrated by Hookway Cowles.-- Macdonald; 1959.-- (Macdonald illustrated editions).</t>
  </si>
  <si>
    <t>Finished / H. Rider Haggard ; illustrated by Hookway Cowles.-- Macdonald; 1962.-- (Macdonald illustrated editions).</t>
  </si>
  <si>
    <t>Allan and the holy flower / H. Rider Haggard ; illustrated by Hookway Cowles.-- Macdonald; 1954.-- (Macdonald illustrated editions).</t>
  </si>
  <si>
    <t>Montezuma's daughter / H. Rider Haggard ; illustrated by Hookway Cowles.-- Macdonald; 1948.-- (Macdonald illustrated editions).</t>
  </si>
  <si>
    <t>She : a history of adventure / by H. Rider Haggard ; with an introduction by Malcolm Elwin ; illustrated by Hookway Cowles.-- Macdonald; 1948.-- (Macdonald illustrated editions).</t>
  </si>
  <si>
    <t>Nada, the Lily / H. Rider Haggard ; illustrated by Hookway Cowles.-- Macdonald; 1949.-- (Macdonald illustrated editions).</t>
  </si>
  <si>
    <t>Benita : An African romance / H. Rider Haggard ; illustrated by Hookway Cowles.-- Macdonald; 1965.-- (Macdonald illustrated editions).</t>
  </si>
  <si>
    <t>The people of the mist / H. Rider Haggard ; illustrated by Jack Matthew.-- Macdonald; 1951.-- (Macdonald illustrated editions).</t>
  </si>
  <si>
    <t>The Brethren / H. Rider Haggard ; illustrated by Hookway Cowles.-- Macdonald; 1951.-- (Macdonald illustrated editions).</t>
  </si>
  <si>
    <t>The world's desire / H. Rider Haggard and Andrew Lang ; illustrated by Geoffrey Whittam.-- Macdonald; 1953.-- (Macdonald illustrated editions).</t>
  </si>
  <si>
    <t>Eric Brighteyes / H. Rider Haggard; full page illustrations from originals by Lancelot Speed.-- Macdonald; 1949.-- (Macdonald illustrated editions).</t>
  </si>
  <si>
    <t>Heart of the world / H. Rider Haggard ; illustrated by Hookway Cowles.-- Macdonald; 1954.-- (Macdonald illustrated editions).</t>
  </si>
  <si>
    <t>Ayesha : the return of She / H. Rider Haggard ; illustrated by Hookway Cowles.-- Macdonald; 1956.-- (Macdonald illustrated editions).</t>
  </si>
  <si>
    <t>Cleopatra / H. Rider Haggard ; illustrated by Hookway Cowles.-- Macdonald; 1958.-- (Macdonald illustrated editions).</t>
  </si>
  <si>
    <t>She &amp; King Solomon's Mines / by H. Rider Haggard ; with an introduction by Orville Prescott.-- Random House; c1957.-- (Modern Library).</t>
  </si>
  <si>
    <t>Ayesha : the return of She / by H. Rider Haggard ; with ill. by Maurice Greiffenhagen.-- Dover Publications; 1978.</t>
  </si>
  <si>
    <t>The countess to boot / by Jack Iams.-- Editions for the Armed Services; [1945], c1941.-- (Armed services editions ; 876).</t>
  </si>
  <si>
    <t>813.5/I11</t>
  </si>
  <si>
    <t>I wouldn't be in your shoes / by William Irish.-- Editions for the Armed Services; [1945], c1943.-- (Armed services editions ; 1173).</t>
  </si>
  <si>
    <t>What rhymes with murder / Jack Iams.-- Dell Publishing; 1950.-- (Dell Book ; 631).</t>
  </si>
  <si>
    <t>Death draws the line / Jack Iams.-- Dell Publishing; c1949.-- (Dell Book ; 457).</t>
  </si>
  <si>
    <t>Malice aforethought / Francis Iles.-- Pan Books; 1979.</t>
  </si>
  <si>
    <t>Malice aforethought / Francis Iles.-- Pocket Books; 1947.</t>
  </si>
  <si>
    <t>Gale warning / by Hammond Innes.-- Avon Books; c1948.</t>
  </si>
  <si>
    <t>Harvest of journeys / Hammond Innes.-- Collins; 1970, c1967.-- (Fontana books ; 1156).</t>
  </si>
  <si>
    <t>The survivors / Hammond Innes.-- Avon Books; c1949.</t>
  </si>
  <si>
    <t>Fire in the snow / Hammond Innes.-- Avon Books; c1947.</t>
  </si>
  <si>
    <t>Fire in the snow / Hammond Innes.-- Avon Books; c1954.</t>
  </si>
  <si>
    <t>Attack alarm / by Hammond Innes.-- Collins; c1941.-- (Fontana ; 2638).</t>
  </si>
  <si>
    <t>Attack alarm / by Hammond Innes.-- Ballantine Books; c1941.-- (Ballantine Books ; 768).</t>
  </si>
  <si>
    <t>The case of the journing boy / Michael Innes.-- Pocket Book; 1950.-- (PocketBook ; 741).</t>
  </si>
  <si>
    <t>The crabtree affair / Michael Innes.-- Berkley Publishing; c1962.-- (A Berkley Medallion Book ; F820).</t>
  </si>
  <si>
    <t>A night of errors / Michael Innes.-- Berkley Publishing; c1947.-- (A Berkley Medallion Book ; F833).</t>
  </si>
  <si>
    <t>Death on a quiet day / Michael Innes.-- Berkley Publishing; c1957.-- (A Berkley Medallion Book ; F849).</t>
  </si>
  <si>
    <t>The man from the sea / Michael Innes.-- Penguin; 1961.-- (Penguin books ; 1575).</t>
  </si>
  <si>
    <t>Hamlet, revenge ! : a story in four parts / Michael Innes.-- Penguin; 1961, c1937.-- (Penguin books ; 1640).</t>
  </si>
  <si>
    <t>Appleby on ararat / Michael Innes.-- Penguin; 1961.-- (Penguin books ; C1577).</t>
  </si>
  <si>
    <t>From London far / Michael Innes ; pbk.-- Penguin; 1962, c1946.-- (Penguin crime fiction).</t>
  </si>
  <si>
    <t>What happened at Hazelwood / Michael Innes ; pbk.-- Penguin; 1968, c1946.-- (Penguin crime fiction).</t>
  </si>
  <si>
    <t>The long farewell / Michael Innes ; pbk.-- Penguin; 1971, c1958.</t>
  </si>
  <si>
    <t>Appleby's answer / Michael Innes.-- Penguin; 1978, c1973.-- (Penguin Books).</t>
  </si>
  <si>
    <t>The mysterious commission / by Michael Innes ; pbk..-- Penguin; 1977, c1974.-- (Penguin crime fiction).</t>
  </si>
  <si>
    <t>The gay phoenix / Michael Innes ; : pbk.-- Penguin Books; 1981, c1976.-- (Penguin Books).</t>
  </si>
  <si>
    <t>Candleshoe / Michael Innes ; pbk.-- Penguin; 1961, c1953.-- (Penguin Books).</t>
  </si>
  <si>
    <t>The Ampersand papers / Michael Innes ; pbk..-- Penguin Books; 1980, c1979.-- (Penguin Books).</t>
  </si>
  <si>
    <t>Sheiks and adders / Michael Innes.-- Penguin; 1983, c1982.-- (Penguin Books).</t>
  </si>
  <si>
    <t>The paper thunderbolt / Michael Innes.-- Dolphin Books; 1961, c1951.-- (A Dolphin Books ; C306).</t>
  </si>
  <si>
    <t>One man show / Michael Innes.-- Avon Books; 1959, c1952.-- (Avon classic crime collection).</t>
  </si>
  <si>
    <t>Night has 1000 eyes / William Irish.-- Dell Publishing; c1945.-- (Dell Book ; 679).</t>
  </si>
  <si>
    <t>You'll never see me again / William Irish.-- Dell Publishing; c1939.-- (Dell Book ; 26).</t>
  </si>
  <si>
    <t>Phantom lady / William Irish.-- Dell Publishing; c1942.-- (Dell Book ; 679).</t>
  </si>
  <si>
    <t>Phantom lady / William Irish.-- Pocket Books; c1942.-- (Pocket Book ; 253).</t>
  </si>
  <si>
    <t>Bluebeard's seventh wife / William Irish.-- Popular Library; c1952.-- (Popular Library ; 473).</t>
  </si>
  <si>
    <t>Strangler's serenade / by William Irish.-- Popular Library; c1951.-- (Popular Library ; 431).</t>
  </si>
  <si>
    <t>Six nights of mystery / by William Irish.-- Popular Library; c1950.-- (Popular Library ; 258).</t>
  </si>
  <si>
    <t>The dancing detective / by William Irish.-- J. B. Lippincott; c1946.-- (A story press book).</t>
  </si>
  <si>
    <t>Somebody on the phone / William Irish.-- J. B. Lippincott; 1940.-- (A Story Press Book).</t>
  </si>
  <si>
    <t>Dead man blues / William Irish.-- J.B. Lippincott; 1948, c1947.-- (A story press book).</t>
  </si>
  <si>
    <t>Deadly night call / by William Irish.-- Graphic Publishing; c1951.-- (A graphic mystery).</t>
  </si>
  <si>
    <t>So help me god / Felix Jackson.-- Bantam Books; 1956, c1955.-- (Bantam books ; A1462).</t>
  </si>
  <si>
    <t>813.5/J11</t>
  </si>
  <si>
    <t>House of Hell / Steve Jackson ; illustrated by Tim Sell ; pbk.-- Puffin; 1984.-- (Fighting fantasy gamebook ; 10).</t>
  </si>
  <si>
    <t>793/J11</t>
  </si>
  <si>
    <t>The European Parliament : a guide for the European elections / Robert Jackson and John Fitzmaurice.-- Penguin Books; 1979.-- (Penguin special).</t>
  </si>
  <si>
    <t>341.24/J11</t>
  </si>
  <si>
    <t>The man who found himself / Naomi Jacob.-- Rev. ed..-- Pan Books; 1952.-- (Pan books ; 209).</t>
  </si>
  <si>
    <t>823.91/J12</t>
  </si>
  <si>
    <t>Dirty son of a witch / Sid Jacobson.-- Lancer Books; 1969.-- (Lancer books ; 74-523).</t>
  </si>
  <si>
    <t>Conquest of the planet of the apes / John Jakes ; based on the screenplay by Paul Dehn.-- Award Books; c1974.-- (The planet of the apes series ; AN1241).</t>
  </si>
  <si>
    <t>813.5/J16</t>
  </si>
  <si>
    <t>Ghost stories of an antiquary / M.R. James.-- Penguin Books; 1937.</t>
  </si>
  <si>
    <t>813.4/J18</t>
  </si>
  <si>
    <t>Attack! / Leland Jamieson.-- Ace Books; c1940.-- (Ace Books ; S-262).</t>
  </si>
  <si>
    <t>813.5/J19</t>
  </si>
  <si>
    <t>Trap for Cinderella / by Sebastien Japrisot ; translated from the French by Helen Weaver ; pbk..-- Pocket Books; 1964.-- (Pocket Books ; 50145).</t>
  </si>
  <si>
    <t>843.91/J24</t>
  </si>
  <si>
    <t>The 10:30 from Marseille / by Sebastien Japrisot ; translated from the French by Helen Weaver.-- Pocket Books; c1962.-- (Pocket Books ; 50085).</t>
  </si>
  <si>
    <t>Piège pour Cendrillon / Sébastien Japrisot.-- Denoël; c1965.</t>
  </si>
  <si>
    <t>The turn of the screw and daisy miller / Henry James.-- Dell Publishing Company Inc.; c1926.-- (Dell Book ; 800).</t>
  </si>
  <si>
    <t>La Dame dans l'auto avec des unettes et un fusil / Sébastien Japrisot.-- Denoël; c1966.</t>
  </si>
  <si>
    <t>Trap for Cinderella / by Sebastien Japrisot ; translated from the French by Helen Weaver ; pbk..-- Penguin Books; 1979.-- (Penguin Books).</t>
  </si>
  <si>
    <t>The yellow turban / by Charlotte Jay.-- Avon Publications; c1955.-- (Avon ; 736).</t>
  </si>
  <si>
    <t>823.91/J29</t>
  </si>
  <si>
    <t>A hank of hair / Charlotte Jay.-- Macfadden Books; 1966, c1964.-- (A Macfadden book ; 50-263).</t>
  </si>
  <si>
    <t>Beat not the bones / Charlotte Jay.-- Avon Books; c1952.-- (Avon Classic Crime Collection).</t>
  </si>
  <si>
    <t>The disappearing island / Geoffrey Jenkins.-- Avon Books; c1962.-- (Avon ; S158).</t>
  </si>
  <si>
    <t>823.91/J36</t>
  </si>
  <si>
    <t>A grue of ice / Geoffrey Jenkins.-- Avon Books; c1962.-- (Avon ; S242).</t>
  </si>
  <si>
    <t>The river of diamonds / Geoffrey Jenkins.-- Collins; c1964.-- (Fontana Books ; 1339).</t>
  </si>
  <si>
    <t>Unseen / Paul Jennings.-- Puffin Books; c1998.-- (Puffin books).</t>
  </si>
  <si>
    <t>823.91/J37</t>
  </si>
  <si>
    <t>Uncovered! : weird, weird stories / Paul Jennings.-- Puffin; 1995.-- (A Puffin Book).</t>
  </si>
  <si>
    <t>Murder and its motives / F. Tennyson Jesse.-- Pan Books; 1958.-- (Great Pan).</t>
  </si>
  <si>
    <t>345/J41</t>
  </si>
  <si>
    <t>Diabolus / David St.John.-- Fawcett Publications; c1971.-- (A Fawcett crest book ; T1725).</t>
  </si>
  <si>
    <t>Return from Vorkuta / by David St John.-- New American Library; 1965.-- (A Signet Book ; D2775).</t>
  </si>
  <si>
    <t>The night-watchman and other longshoremen : fifty-seven stories / by W.W. Jacobs.-- Hodder and Stoughton; 1932.</t>
  </si>
  <si>
    <t>New crimes / edited by Maxim Jakubowski.-- Robinson Pblishing; 1989.</t>
  </si>
  <si>
    <t>823.0872/J16</t>
  </si>
  <si>
    <t>New crimes 2 / edited by Maxim Jakubowski.-- Robinson Pblishing; c1990.</t>
  </si>
  <si>
    <t>The SF book of lists / Maxim Jakubowski &amp; Malcolm Edwards ; pbk..-- Berkley Books; 1983.</t>
  </si>
  <si>
    <t>823.087/J16</t>
  </si>
  <si>
    <t>The Penguin complete ghost stories of M.R. James ; : pbk.-- Penguin; 1984.</t>
  </si>
  <si>
    <t>P.D. James / Norma Siebenheller ; pbk..-- Ungar; c1981.-- (Recognitions).</t>
  </si>
  <si>
    <t>823.91/J18/s</t>
  </si>
  <si>
    <t>The man who walked away / by Charlotte Jay.-- Published for the Crime Club by Collins; c1958.-- (Crime Club Novel).</t>
  </si>
  <si>
    <t>The brink of silence / by Charlotte Jay.-- Harper &amp; Brothers Publishers; c1956.</t>
  </si>
  <si>
    <t>Murder most irregular : a novel / by H. Paul Jeffers.-- St. Martin's Press; c1983.</t>
  </si>
  <si>
    <t>813.5/J33</t>
  </si>
  <si>
    <t>Malcolm Sage : detective / by Herbert Jenkins ....-- Herbert Jenkins; [c1921].</t>
  </si>
  <si>
    <t>The Solange stories / by F. Tennyson Jesse.-- Macmillan company; 1931.</t>
  </si>
  <si>
    <t>823.91/J41</t>
  </si>
  <si>
    <t>Many latitudes / by F. Tennyson Jesse.-- William Heinemann Ltd.; 1928.</t>
  </si>
  <si>
    <t>The Biggles air detective omnibus /  by Captain W.E.Johns.-- Hodder &amp; Stoughton; 1956.</t>
  </si>
  <si>
    <t>823.91/J63</t>
  </si>
  <si>
    <t>Death by request / Romilly and Katherine John ; new introduction by Patricia Craig and Mary Cadogan ; pbk..-- Hogarth Press; 1984, c1933.-- (Hogarth crime).</t>
  </si>
  <si>
    <t>823.91/J62</t>
  </si>
  <si>
    <t>Murder and mystery : thirty-one thrilling crimes / by Evelyn Johnson and Gretta Palmer.-- Grant Richards &amp; Humphrey Toulmin; 1929.</t>
  </si>
  <si>
    <t>823.91/J64</t>
  </si>
  <si>
    <t>Death of a blue-eyed soul brother / by B.B. Johnson.-- Paperback Library; 1970.-- (Superspade ; # 1).</t>
  </si>
  <si>
    <t>813.5/J64</t>
  </si>
  <si>
    <t>Thunderbolt! / by Robert S. Johnson with Martin Caidin.-- Ballantine Books; c1958.-- (Ballantine Books ; F514k).</t>
  </si>
  <si>
    <t>940.54/J64</t>
  </si>
  <si>
    <t>Crime fiction criticism : an annotated bibliography / editors, Timothy W. Johnson, Julia Johnson, associated editors, Robert Mitchell, Glenna J. Dunning, Susan J. Mackall.-- Garland Publishing; 1981.-- (Garland reference library of the humanities ; v. 233).</t>
  </si>
  <si>
    <t>809.387/J64</t>
  </si>
  <si>
    <t>Danger at Bravo Key / Ronald Johnston.-- New American Library; 1967, c1965.-- (A Signet book ; P3007).</t>
  </si>
  <si>
    <t>813.5/J65</t>
  </si>
  <si>
    <t>The doctor's Secret / Hans Kades ;  Translated by E. B. Ashton.-- Dell Pubishing Co ,; [1959], c1955.-- (A Dell book ; D265).</t>
  </si>
  <si>
    <t>833.91/Ka13</t>
  </si>
  <si>
    <t>Some things dark and dangerous / edited by Joan Kahn ; pbk..-- Avon Books; [1974], c1970.-- (Avon ; 18887).</t>
  </si>
  <si>
    <t>813.087/Ka19</t>
  </si>
  <si>
    <t>The curse of the golden skull / by Josephine Kains.-- kensington Publishing Co.; 1978.-- (Zebra Books).</t>
  </si>
  <si>
    <t>813.5/Ka21</t>
  </si>
  <si>
    <t>Lord Halifax's ghost book : a collection of stories made by Charles Lindley, Viscount Halifax / with a foreward by the Earl of Halifax.-- Collins; 1961, c1936.</t>
  </si>
  <si>
    <t>Murder on the yellow brick road / Stuart Kaminsky.-- Penguin; 1979, c1977.-- (penguin crime fiction).</t>
  </si>
  <si>
    <t>813.5/Ka37</t>
  </si>
  <si>
    <t>Key witness / by Frank Kane.-- Dell Publishing Co.; c1956.-- (A Dell First edition ; A126).</t>
  </si>
  <si>
    <t>Due ro die / Frank Kane.-- Dell Publishing Co.; c1961.-- (A Dell first edition ; B174).</t>
  </si>
  <si>
    <t>Barely seen  / by Frank Kane.-- Dell Publishing Co.; c1964.-- (Dell books ; 0458).</t>
  </si>
  <si>
    <t>Hearse class male  / Frank Kane.-- Dell Publishing Co.; c1963.-- (Dell books ; 3528).</t>
  </si>
  <si>
    <t>Crime of their life  / Frank Kane.-- Dell Publishing Co.; c1962.-- (A Dell first edition ; 1557).</t>
  </si>
  <si>
    <t>Ring-a-ding-ding / by Frank Kane.-- Dell Publishing Co.; c1963.-- (A Dell first edition ; 7451).</t>
  </si>
  <si>
    <t>My darlin' Evangeline / Henry Kane.-- Dell Publishing Co.; c1961.-- (A Dell First edition ; B198).</t>
  </si>
  <si>
    <t>The case of the murdered madame / Henry Kane.-- Avon Publications; c1955.-- (Avon books ; 646).</t>
  </si>
  <si>
    <t>Too French and too deadly / Henry Kane.-- Avon Publications; c1955.-- (Avon books ; 672).</t>
  </si>
  <si>
    <t>Never give a millionaire an even break / Henry Kane.-- Lancer Books; c1963.-- (Lancer books ; 70-048).</t>
  </si>
  <si>
    <t>Kisses of death / by Henry Kane.-- Belmont Productions; 1962.-- (A Belmont Book ; 90-259).</t>
  </si>
  <si>
    <t>Dirty gertie / by Henry Kane.-- Belmont Productions; 1965.-- (A Belmont Book ; 92-623).</t>
  </si>
  <si>
    <t>The crumpled cup / Henry Kane.-- The New American Library; 1963.-- (A signet Book ; G2301).</t>
  </si>
  <si>
    <t>Edge of panic / Henry Kane.-- The New American Library; c1950.-- (A signet Book ; 1523).</t>
  </si>
  <si>
    <t>Death of a dastard / Henry Kane.-- The New American Library; c1963.-- (A signet Book ; G2329).</t>
  </si>
  <si>
    <t>Fistful of death / Henry Kane.-- The New American Library; c1958.-- (A signet Book ; D2825).</t>
  </si>
  <si>
    <t>Death is the last lover / Henry Kane.-- The New American Library; c1959.-- (A signet Book ; D2851).</t>
  </si>
  <si>
    <t>Death on the double / Henry Kane.-- The New American Library; c1957.-- (A signet Book ; G2644).</t>
  </si>
  <si>
    <t>The Perma quiz book / Joseph Nathan Kane.-- Permabooks; 1956.-- (Permabooks, M-3039. Quiz ; 9).</t>
  </si>
  <si>
    <t>793/Ka52</t>
  </si>
  <si>
    <t>Millonaries / Herbert Kastle.-- Dell Book; c1972.-- (A Dell Book ; 5630).</t>
  </si>
  <si>
    <t>813.5/Ka78</t>
  </si>
  <si>
    <t>Die dreizehn Monate / Erich Kästner.-- Atrium Verlag; c1955.</t>
  </si>
  <si>
    <t>831.91/Ka11</t>
  </si>
  <si>
    <t>Death in Zanzibar / M.M. Kaye.-- Penguin; 1984, c1983.</t>
  </si>
  <si>
    <t>823.91/Ka98</t>
  </si>
  <si>
    <t>Red heat / William Katz.-- Dell Book; c1982.-- (A Dell Book).</t>
  </si>
  <si>
    <t>813.5/Ka98</t>
  </si>
  <si>
    <t>Is skin deep, is fatal / H. R. F. Keating.-- The New American Library; c1965.-- (A signet Book ; P3074).</t>
  </si>
  <si>
    <t>823.91/Ke13</t>
  </si>
  <si>
    <t>The man of gold / H. R. F. Keating writing as Evelyn Hervey.-- Berkley Books; c1985.-- (Berkley mystery).</t>
  </si>
  <si>
    <t>The dog it was that died / H.R.F. Keating.-- Penguin; 1966.-- (Penguin books ; C2443).</t>
  </si>
  <si>
    <t>Missing, presumed dead / Carlton Keith.-- Modern Literary Editions Publishing Company; c1961.-- (Curts Books).</t>
  </si>
  <si>
    <t>823.91/Ke28</t>
  </si>
  <si>
    <t>Wake up to murder / Day Keene.-- Avon publishing co.; 1952.-- (Avon books ; 660).</t>
  </si>
  <si>
    <t>813.5/Ke18</t>
  </si>
  <si>
    <t>Mary corse / Mary Kelly.-- Avon publishing co.; c1966.-- (Avon Classic Crime Coolection).</t>
  </si>
  <si>
    <t>823.91/Ke33</t>
  </si>
  <si>
    <t>Sleightly lethal / Patrick A. Kelley.-- Avon publishing co.; c1986.-- (Avon mystery).</t>
  </si>
  <si>
    <t>813.5/Ke32</t>
  </si>
  <si>
    <t>Blind man's bluff / by Baynard Kendrick.-- Dell; c1943.-- (Dell Book ; 230).</t>
  </si>
  <si>
    <t>813.5/Ke42</t>
  </si>
  <si>
    <t>May you die in Irekand / Michael Kenyon.-- Collins; 1965.-- (Fontana books ; 1528).</t>
  </si>
  <si>
    <t>813.5/Ke52</t>
  </si>
  <si>
    <t>The secret masters / Gerald Kersh.-- Ballantine Books; c1953.-- (Ballantine Books ; 28).</t>
  </si>
  <si>
    <t>823.91/Ke59</t>
  </si>
  <si>
    <t>New worlds for old : the apocalyptic imagination, science fiction, and American literature / David Ketterer.-- Anchor Books; 1974.</t>
  </si>
  <si>
    <t>813.087/Ke63</t>
  </si>
  <si>
    <t>Station wagon in Spain / Frances Parkinson Keyes.-- Avon Book Division; c1959.-- (Avon ; G1054).</t>
  </si>
  <si>
    <t>813.5/Ke67</t>
  </si>
  <si>
    <t>William Cook-antique dealer / Richard Keverne.-- Penguin; 1942.-- (Penguin books ; 384).</t>
  </si>
  <si>
    <t>823.91/Ke65</t>
  </si>
  <si>
    <t>Secret beyond the door / Rufus King.-- Bantam Books; 1947, c1946.-- (Bantam books ; 120).</t>
  </si>
  <si>
    <t>The two dead girls / Stephen King ; with a foreword by the author.-- Signet Book; c1996.-- (Green mile ; pt. 1).</t>
  </si>
  <si>
    <t>813.5/Ki43/1</t>
  </si>
  <si>
    <t>The mouse on the mile / Stephen King.-- Signet Book; c1996.-- (Green mile ; pt. 2).</t>
  </si>
  <si>
    <t>813.5/Ki43/2</t>
  </si>
  <si>
    <t>Coffey's hands / Stephen King.-- Signet Book; c1996.-- (Green mile ; pt. 3).</t>
  </si>
  <si>
    <t>813.5/Ki43/3</t>
  </si>
  <si>
    <t>The bad death of Eduard Delacroix / Stephen King.-- Signet Book; c1996.-- (Green mile ; pt. 4).</t>
  </si>
  <si>
    <t>813.5/Ki43/4</t>
  </si>
  <si>
    <t>Night journey / Stephen King.-- Signet Book; c1996.-- (Green mile ; pt. 5).</t>
  </si>
  <si>
    <t>813.5/Ki43/5</t>
  </si>
  <si>
    <t>Coffey on the mile / Stephen King.-- Signet Book; c1996.-- (Green mile ; pt. 6).</t>
  </si>
  <si>
    <t>813.5/Ki43/6</t>
  </si>
  <si>
    <t>Christine / Stephen King.-- New English Library; Oct.1983.</t>
  </si>
  <si>
    <t>Stone cold blonde / by Adam Knight.-- The New American Library; c1951.-- (A signet Book ; 883).</t>
  </si>
  <si>
    <t>813.5/Kn3</t>
  </si>
  <si>
    <t>The affair of the scarlet crab / Clifford Knight.-- Dell; c1937.-- (Dell Book ; 75).</t>
  </si>
  <si>
    <t>The story of my psychonalysis / John Knight.-- Pocket Books; 1952.-- (Pocket book ; 866).</t>
  </si>
  <si>
    <t>Live bait / Bill Knox.-- Keyhole Crime; c1987.-- (Keyhole crime).</t>
  </si>
  <si>
    <t>The Glen Campbell story / Freda Kramer.-- Pyramid Publications; 1970.</t>
  </si>
  <si>
    <t>784/C14/k</t>
  </si>
  <si>
    <t>Diamond fever / by Robert W. Krepps.-- Dell; c1959.-- (Dell Book ; F174).</t>
  </si>
  <si>
    <t>813.5/Kr4</t>
  </si>
  <si>
    <t>The infernal device / by Michael Kurland ; pbk..-- New American Library; c1978.-- (A Signet Book ; J8492).</t>
  </si>
  <si>
    <t>813.5/Ku69</t>
  </si>
  <si>
    <t>The Damascus cover / Howard Kaplan.-- E. P. Dutton; c1977.</t>
  </si>
  <si>
    <t>813.5/Ka61</t>
  </si>
  <si>
    <t>The Chopin express / Howard Kaplan.-- E.P. Dutton; c1978.</t>
  </si>
  <si>
    <t>High deryni / Katherine Kurtz.-- Ballantine Books; c1973.-- (Ballantine books ; 23485. The deryni chronicle ; 3).</t>
  </si>
  <si>
    <t>813.5/Ku78/3</t>
  </si>
  <si>
    <t>Deryni checkmate / Katherine Kurtz.-- Ballantine Books; c1972.-- (Ballantine books ; Chronicle the deryni  ; 2).</t>
  </si>
  <si>
    <t>813.5/Ku78/2</t>
  </si>
  <si>
    <t>Deryni rising / Katherine Kurtz.-- Ballantine Books; c1970.-- (Ballantine books).</t>
  </si>
  <si>
    <t>813.5/Ku78</t>
  </si>
  <si>
    <t>Some like it cool / by Robert Kyle.-- Dell; c1962.-- (Dell Book ; 8100).</t>
  </si>
  <si>
    <t>813.5/Ky1</t>
  </si>
  <si>
    <t>Der gestiefelte Kater / nacherzählt von Erich Kästner ; mit elf farbigen Bildern und vielen Zeichnungen von Walter Trier.-- Atrium Verlag; c1950.</t>
  </si>
  <si>
    <t>833.91/Ka11</t>
  </si>
  <si>
    <t>Le Maître-nageur : roman / Vahé Katcha.-- Presses de la Cité; 1979.-- (Collection Romans).</t>
  </si>
  <si>
    <t>843.91/Ka84</t>
  </si>
  <si>
    <t>The Game is afoot : Parodies, Pastiches and Ponderings of Sherlock Holmes / edited by Marvin Kaye.-- St. Martin's Press; 1994.</t>
  </si>
  <si>
    <t>Crime writers : reflections on crime fiction / by Reginald Hill ... [et al.] ; edited by H.R.F. Keating ; additional material by Mike Pavett ; : pbk.-- British Broadcasting Corporation; 1978.</t>
  </si>
  <si>
    <t>823.0872/Ke13</t>
  </si>
  <si>
    <t>Writing crime fiction / H.R.F. Keating ; : pbk.-- A &amp; C Black; 1986.</t>
  </si>
  <si>
    <t>Death to the rescue / Milward Kennedy.-- V. Gollanez, ltd; 1931.</t>
  </si>
  <si>
    <t>823.91/Ke48</t>
  </si>
  <si>
    <t>Yo maté a Kennedy : impresiones, observaciones y memorias de un guardaespaldas / Manuel Vázquez Montalbán.-- Planeta; c1972.-- (Serie Carvalho ; 1).</t>
  </si>
  <si>
    <t>923.173/Ke48/m</t>
  </si>
  <si>
    <t>The Havering plot / by Richard Keverne.-- George G. Harrrap Co. ltd; 1932.</t>
  </si>
  <si>
    <t>How to write adventure games / Peter Killworth.-- Penguin; 1984.-- (Penguin Acorn computer library).</t>
  </si>
  <si>
    <t>794.8/Ki29</t>
  </si>
  <si>
    <t>Dorothy Parker / by Arthur F. Kinney.-- Twayne Publishers; 1978.-- (Twayne's United States authors series ;  TUSAS 315).</t>
  </si>
  <si>
    <t>813.5/P24/k</t>
  </si>
  <si>
    <t>Form and ideology in crime fiction / Stephen Knight.-- Indiana University Press; c1980.</t>
  </si>
  <si>
    <t>823.0872/Kn3</t>
  </si>
  <si>
    <t>Blueback / Bill Knox.-- Doubleday; 1969.</t>
  </si>
  <si>
    <t>Double cross purposes / by Ronald A. Knox.-- Dover Publications; 1986.</t>
  </si>
  <si>
    <t>The footsteps at the lock / Ronald A. Knox ; pbk..-- Dover Publications; 1983.</t>
  </si>
  <si>
    <t>Best detective stories : first series / with an introduction by Father Ronald Knox.-- Faber and Faber; 1929.</t>
  </si>
  <si>
    <t>Trouble in Bugland : a collection of Inspector Mantis mysteries / William Kotzwindle ; profusely illustrated by Joe Servello.-- D.R. Godine; 1983.</t>
  </si>
  <si>
    <t>823.0872/Ko94</t>
  </si>
  <si>
    <t>Invasion of privacy / by Harry Kurnitz.-- Eyre &amp; Spottiswoode; 1956.</t>
  </si>
  <si>
    <t>The man in the shadow / by Sefton Kyle.-- Herbert Jenkins, limited; 1924.</t>
  </si>
  <si>
    <t>Room to swing / Ed Lacy.-- Pyramid Books; c1957.-- (A Pyramid book ; F-709).</t>
  </si>
  <si>
    <t>813.5/L12</t>
  </si>
  <si>
    <t>Room to swing / Ed Lacy.-- Pyramid Books; c1957.-- (A Pyramid book ; T2543).</t>
  </si>
  <si>
    <t>Bored of the rings : a parody of J.R.R. Tolkien's The Lord of the rings / by Henry N. Beard and Douglas C. Kenney of the Harvard Lampoon.-- New American Library; 1969.</t>
  </si>
  <si>
    <t>813.5/H34</t>
  </si>
  <si>
    <t>The secret road / by Bruce Lancaster.-- PermaBooks; 1955, c1952.-- (Perma Bookd ; M-3016).</t>
  </si>
  <si>
    <t>823.91/L21</t>
  </si>
  <si>
    <t>Drug of choice / by John Lange.-- New American Library; c1970.-- (A signet book ; T4116).</t>
  </si>
  <si>
    <t>813.5/L25</t>
  </si>
  <si>
    <t>Grave descend : a novel / John Lange.-- New American Library; c1970.-- (A signet book ; T4214).</t>
  </si>
  <si>
    <t>Odds on / John Lange.-- New American Library; c1966.-- (A signet book ; P3068).</t>
  </si>
  <si>
    <t>The Memorial Hall murder / Jane Langton ; illustrations by the author ; pbk..-- Penguin; 1981, c1976.-- (Penguin books ; crime).</t>
  </si>
  <si>
    <t>813.5/L26</t>
  </si>
  <si>
    <t>Dark Nantucket noon  / Jane Langton ; illustrations by the author ; pbk..-- Penguin; 1981, c1975.-- (Penguin books ; crime).</t>
  </si>
  <si>
    <t>Six black camels / Edwin Lanham.-- Pocket Books; 1963, c1961.-- (Permabook ; M4280).</t>
  </si>
  <si>
    <t>Death in the wind  / Edwin Lanham.-- Pocket Books; 1957, c1955.-- (Permabook ; M3072).</t>
  </si>
  <si>
    <t>The pedestal / by George Lanning.-- Penguin; 1969,c1966.-- (Penguin books ; crime &amp; mystery).</t>
  </si>
  <si>
    <t>823.91/L27</t>
  </si>
  <si>
    <t>The big red sun / [by Daniel Larany ; translated by Robert Bullen and Rosette Letellier].-- Manor Books; c1971.</t>
  </si>
  <si>
    <t>843.91/L32</t>
  </si>
  <si>
    <t>Win, place and die! / by Lawrence Lariar.-- New American Library; 1955, c1953.</t>
  </si>
  <si>
    <t>813.5/L32</t>
  </si>
  <si>
    <t>The Chinese game / by Charles Larson.-- Pocket Books; 1970, c1969.</t>
  </si>
  <si>
    <t>Accounting for murder / Emma Lathen.-- Avon Books; 1966, c1964.-- (Avon classic creime collection ; PN312).</t>
  </si>
  <si>
    <t>813.5/L34</t>
  </si>
  <si>
    <t>Excalibur / Sanders Anne Laubenthal ; introduction by Lin Carter.-- Ballantine Books; 1973.</t>
  </si>
  <si>
    <t>813.5/L36</t>
  </si>
  <si>
    <t>The deadly pavilion / Hilda Lawrence.-- Pocket Books; 1948, c1946.-- (Pocket book ; 492).</t>
  </si>
  <si>
    <t>A time to die / Hilda Lawrence.-- Pocket Books; 1947, c1945.-- (Pocket book ; 439).</t>
  </si>
  <si>
    <t>A time to die / Hilda Lawrence.-- Avon; 1971, c1945.-- (Avon classic crime collection ; PN355).</t>
  </si>
  <si>
    <t>Blood upon the snow  / Hilda Lawrence.-- Avon; 1970, c1944.-- (Avon classic crime collection ; PN320).</t>
  </si>
  <si>
    <t>Death of a doll / Hilda Lawrence.-- Avon; 1969, c1947.-- (Avon classic crime collection ; PN239).</t>
  </si>
  <si>
    <t>The pavilion / Hilda Lawrence.-- Dell Publishing Co.; 1971, c1946.-- (A Dell book ; 6856).</t>
  </si>
  <si>
    <t>Le bouchon de cristal / Maurice Leblanc.-- Le Livre de Poche; c1965.-- (Le livre de poche ; 1567-1538).</t>
  </si>
  <si>
    <t>843.91/L49</t>
  </si>
  <si>
    <t>Le Cagliostro se venge / Maurice Leblanc.-- Le Livre de Poche; c1973.-- (Le livre de poche ; 3698).</t>
  </si>
  <si>
    <t>La Femme aux deux sourires / Maurice Leblanc.-- Le Livre de Poche; c1971.-- (Le livre de poche ; 3226).</t>
  </si>
  <si>
    <t>Arsène Lupin contre Herlock Sholmes / Maurice Leblanc.-- Le Livre de Poche; c1963.-- (Le livre de poche ; 999).</t>
  </si>
  <si>
    <t>L'aiguille creuse / Maurice Leblanc.-- Le Livre de Poche; c1964.-- (Le livre de poche ; 1352).</t>
  </si>
  <si>
    <t>Les confidences d'Arsène Lupin / Maurice Leblanc.-- Le Livre de Poche; c1965.-- (Le livre de poche ; 1400).</t>
  </si>
  <si>
    <t>813 : la double vie d'Arsène Lupin, les trois crimes d'Arsène Lupin / Maurice Leblanc.-- Le Livre de Poche; c1966.-- (Le livre de poche ; 1655-1656).</t>
  </si>
  <si>
    <t>Les Huit coups de l'horloge  / Maurice Leblanc.-- Le Livre de Poche; c1966.-- (Le livre de poche ; 1971).</t>
  </si>
  <si>
    <t>La demoiselle aux yeux verts / Maurice Leblanc.-- Le Livre de Poche; c1967.-- (Le livre de poche ; 2123).</t>
  </si>
  <si>
    <t>La barre-y-va / Maurice Leblanc.-- Le Livre de Poche; c1967.-- (Le livre de poche ; 2272).</t>
  </si>
  <si>
    <t>L'île aux trente cercueils  / Maurice Leblanc.-- Le Livre de Poche; c1969.-- (Le livre de poche ; 2694).</t>
  </si>
  <si>
    <t>La demeure mystérieuse / Maurice Leblanc.-- Le Livre de Poche; c1969.-- (Le livre de poche ; 2732).</t>
  </si>
  <si>
    <t>Victor, de la Brigade mondaine / Maurice Leblanc.-- Le Livre de Poche; c1971.-- (Le livre de poche ; 3278).</t>
  </si>
  <si>
    <t>Dorothée, danseuse de corde / Maurice Leblanc.-- Le Livre de Poche; c1979.-- (Le livre de poche ; 5298).</t>
  </si>
  <si>
    <t>La comtesse de Cagliostro / Maurice Leblanc.-- Livre de poche; c1964.-- (Le livre de poche ; 1214 . policier).</t>
  </si>
  <si>
    <t>L'éclat d'obus / Maurice Leblanc.-- Librairie générale française; c1970.-- (Le livre de poche ; 2756).</t>
  </si>
  <si>
    <t>Les dents du tigre / Maurice Leblanc.-- Librairie générale française; c1969.-- (Le livre de poche ; 2695).</t>
  </si>
  <si>
    <t>Arséne Lupin, gentleman-cambrioleur / Maurice Leblanc ; préf. de Pierre Lazareff.-- Livre de poche; c1962.-- (Le livre de poche ; 843 . policier).</t>
  </si>
  <si>
    <t>L'auvergnat / Michel Lebrun.-- Presses de la cité; c1966.</t>
  </si>
  <si>
    <t>Le délégué du syndicat / Michel Lebrun.-- Presses de la cité; c1965.</t>
  </si>
  <si>
    <t>The G-string murders / by Gypsy Rose Lee ; pbk..-- Penguin Books; 1984, c1941.</t>
  </si>
  <si>
    <t>Mother finds a body / Gypsy Rose Lee.-- Popular Library; 1953, c1942.-- (Popular library ; 547).</t>
  </si>
  <si>
    <t>Death in the doll's house / by Hannah Lees and Lawrence Bachmann.-- Dell; c1943.-- (Dell Book ; 356).</t>
  </si>
  <si>
    <t>813.5/L51</t>
  </si>
  <si>
    <t>The room in the dragon inn / Joseph Sheridan LeFanu.-- Avon Publications; 1---.-- (Avon*702).</t>
  </si>
  <si>
    <t>823.8/L52</t>
  </si>
  <si>
    <t>The best of Fritz Leiber / Fritz Leiber ; pbk.-- Sphere; 1974.</t>
  </si>
  <si>
    <t>813.5/L53</t>
  </si>
  <si>
    <t>Cyanide with compliments / Elizabeth Lemarchand.-- Mayflower; 1973.-- (Mayflower).</t>
  </si>
  <si>
    <t>823.91/L54</t>
  </si>
  <si>
    <t>Death on doomsday / Elizabeth Lemarchand.-- Mayflower; 1973.-- (Mayflower).</t>
  </si>
  <si>
    <t>Death on doomsday / Elizabeth Lemarchand.-- Bantam Books; 1982.-- (Bantam Books).</t>
  </si>
  <si>
    <t>LaBrava / Elmore Leonard.-- Avon Books; 1984.</t>
  </si>
  <si>
    <t>813.5/L55</t>
  </si>
  <si>
    <t>Stick / Elmore Leonard ; : pbk.-- Avon Books; 1984.</t>
  </si>
  <si>
    <t>52 pick-up / Elmore Leonard ; : pbk.-- Avon Books; 1983.</t>
  </si>
  <si>
    <t>Swag / Elmore Leonard ; : pbk.-- Dell; 1976.-- (Dell Book).</t>
  </si>
  <si>
    <t>Fifty-two pick-up / Elmore Leonard ; : pbk.-- Avon Books; c1974.</t>
  </si>
  <si>
    <t>Hombre / Elmore Leonard.-- Bantam Books; 1961.-- (Bantam Books).</t>
  </si>
  <si>
    <t>Stick / Elmore Leonard.-- Penguin; 1984, c1983.-- (Penguin books).</t>
  </si>
  <si>
    <t>The phantom of the opera / Gaston Leroux.-- Popular Library; 1962.-- (Popular Library ; PC1020).</t>
  </si>
  <si>
    <t>843.91/L56</t>
  </si>
  <si>
    <t>Le fauteuil hanté / Gaston Leroux.-- Livre de poche; c1965.-- (Le livre de poche ; 1591).</t>
  </si>
  <si>
    <t>Le château noir / Gaston Leroux.-- Livre de poche; c1973.-- (Le livre de poche ; 3506).</t>
  </si>
  <si>
    <t>Le mystère de la chambre jaune / Gaston Leroux ; préface de Jean Cocteau.-- Livre de poche; c1960.</t>
  </si>
  <si>
    <t>Fatalitas! : Les aventures de Chéri-Bibi / Gaston Leroux.-- Livre de poche; c1974.-- (Le livre de poche ; 4091).</t>
  </si>
  <si>
    <t>Wajah dalam mimpi / V. Lestari.-- Penerbit PT Gramedia; 1981.</t>
  </si>
  <si>
    <t>899.221/L56</t>
  </si>
  <si>
    <t>This stepford wives : a novel / by Ira Levin.-- Fawcett; c1972.-- (A Fawcett crest book ; P1876).</t>
  </si>
  <si>
    <t>A kiss beffore dying / by Ira Levin.-- A Jove/HBJ Book; 1978.</t>
  </si>
  <si>
    <t>Hackers : heroes of the computer revolution / Steven Levy.-- Dell Publishing; c1984.-- (Dell Book).</t>
  </si>
  <si>
    <t>364.16/L57</t>
  </si>
  <si>
    <t>Copper Beeches / Arthur H. Lewis.-- Pocket Books; 1972.-- (Pocket book ; 77568).</t>
  </si>
  <si>
    <t>823.91/L59</t>
  </si>
  <si>
    <t>Lament for the molly maguires / Arthur H. Lewis.-- Pocket Books; 1964.-- (Pocket book).</t>
  </si>
  <si>
    <t>The monk / Matthew Lewis ; pbk.-- Sphere; 1974.-- (Dennis Wheatley library of the occult ; vol.24).</t>
  </si>
  <si>
    <t>823.6/L59</t>
  </si>
  <si>
    <t>Carter... / Ted Lewis ; pbk.-- Pan Books; 1970.</t>
  </si>
  <si>
    <t>A voyage to Arcturus / David Lindsay ; introduction by Loren Eiseley.-- Ballantine Books; [1968] ,c1963.</t>
  </si>
  <si>
    <t>823.91/L63</t>
  </si>
  <si>
    <t>Relative to poison / by E.C.R. Lorac.-- The American mercury; c1947.-- (Mercury mystery ; 136).</t>
  </si>
  <si>
    <t>Dark prism / David Lippincott.-- Dell Publishing Co.; 1981,c1980.-- (A Dell book ; 11893).</t>
  </si>
  <si>
    <t>823.91/L67</t>
  </si>
  <si>
    <t>The kiss of death / by Eleazar Lipsky.-- Penguin Books; c1947.-- (Penguin books ; 642).</t>
  </si>
  <si>
    <t>813.5/L67</t>
  </si>
  <si>
    <t>The people against O'Hara / by Eleazar Lipsky.-- Pocket Books; 1952, c1950.-- (Pocket book ; 863).</t>
  </si>
  <si>
    <t>Death on the aisle : a Mr. and Mrs. North mystery / by Frances and Richard Lockridge.-- Editions for the Armed Services; [1945], c1942.-- (Armed services editions ; 747).</t>
  </si>
  <si>
    <t>Killing the goose  / by Frances and Richard Lockridge.-- Editions for the Armed Services; [1945], c1944.-- (Armed services editions ; 950).</t>
  </si>
  <si>
    <t>Murder within murder  / Frances and Richard Lockridge.-- Pocket Books; 1942, c1940.-- (Pocket book ; 166).</t>
  </si>
  <si>
    <t>Mr. and Mrs. North and the case of the untidy murder / Frances and Richard Lockridge.-- Avon Publishing Co.; c1950.-- (Avon pocket books ; 242).</t>
  </si>
  <si>
    <t>Murder is served : a Mr. and Mrs. North mystery / by Frances &amp; Richard Lockridge.-- Avon Publishing Co.; 1951, c1948.-- (Avon pocket books ; 363).</t>
  </si>
  <si>
    <t>The dishonest murderer : a Mr. and Mrs. North mystery / by Frances and Richard Lockridge.-- Avon Publishing Co.; 1951, c1949.-- (Avon pocket books ; 369).</t>
  </si>
  <si>
    <t>Mr. &amp; Mrs. North and a pinch of poison / Frances and Richard Lockridge.-- Avon Publishing Co.; c1941.-- (Avon pocket books ; 502).</t>
  </si>
  <si>
    <t>Murder out of turn : A Mr. &amp; Mrs. North mystery / Frances and Richard Lockridge.-- Avon Publishing Co.; c1941.-- (Avon pocket books ; 515).</t>
  </si>
  <si>
    <t>Dead as a dinosaur  : A Mr. &amp; Mrs. North mystery / F &amp; R Lockridge.-- Avon Publishing Co.; c1952.-- (Avon pocket books ; 535).</t>
  </si>
  <si>
    <t>Death has a small voice : a Mr. and Mrs. North mystery / Frances and Richard Lockridge.-- Avon Publishing Co.; c1953.-- (Avon pocket books ; 583).</t>
  </si>
  <si>
    <t>Mr. &amp; Mrs. North and the poisoned playboy / F. and R. Lockridge.-- Avon Publishing Co.; c1955.-- (Avon pocket books ; 766).</t>
  </si>
  <si>
    <t>The long skeleton / Frances and Richard Lockridge.-- Pyramid Publications; 1963, c1958.-- (Pyramid books ; R824).</t>
  </si>
  <si>
    <t>Murder within murder / Richard and Frances Lockridge.-- Pocket Books; 1982, c1946.-- (Pocket mys/sus ; 44334-8).</t>
  </si>
  <si>
    <t>Murder comes first / Richard and Frances Lockridge.-- Pocket Books; [1982], c1951.-- (Pocket mys/sus ; 44335-6).</t>
  </si>
  <si>
    <t>Tribulat Bonhomet / Villiers de L'Isle-Adam.-- Gérard; 1973.-- (Bibliothèque Marabout ; 459).</t>
  </si>
  <si>
    <t>843.8/L11</t>
  </si>
  <si>
    <t>Martin Eden / by Jack London ; : pbk.-- Penguin Books; [1946], c1936.-- (Penguin books ; 587).</t>
  </si>
  <si>
    <t>813.5/L84</t>
  </si>
  <si>
    <t>A crime of passion / Stanley Loomis.-- Avon Books; [1973], c1967.-- (Avon books).</t>
  </si>
  <si>
    <t>813.5/L83</t>
  </si>
  <si>
    <t>A night to remember / Walter Lord.-- Rev. and illustrated ed.-- Penguin; 1981.</t>
  </si>
  <si>
    <t>363/L88</t>
  </si>
  <si>
    <t>No evil angel / by Elizabeth Linington.-- Harper &amp; Row; 1965, c1964.</t>
  </si>
  <si>
    <t>813.5/L64</t>
  </si>
  <si>
    <t>Dracula returns! / by Robert Lory.-- Pinnacle Books; c1973.-- (The Dracula horror series ; 1).</t>
  </si>
  <si>
    <t>823.91/L89</t>
  </si>
  <si>
    <t>The hand of Dracula / by Robert Lory.-- Pinnacle Books; c1973.-- (The Dracula horror series ; 2).</t>
  </si>
  <si>
    <t>The colour out of space and others / H.P. Lovecraft.-- Lancer Books; 1964.-- (Lancer boks ; 74-501).</t>
  </si>
  <si>
    <t>813.5/L94</t>
  </si>
  <si>
    <t>The Dunwich horror  / H.P. Lovecraft.-- 2nd ed..-- Lancer Books; 1969.-- (Lancer boks ; 74-502).</t>
  </si>
  <si>
    <t>The colour out of space and others / H.P. Lovecraft.-- 3rd.ed..-- Lancer Books; 1969.-- (Lancer boks ; 75248-095).</t>
  </si>
  <si>
    <t>The Dunwich horror  / H.P. Lovecraft.-- Lancer Books; c1963.-- (Lancer boks ; 75247-095).</t>
  </si>
  <si>
    <t>The Dream-quest of unknown Kadath / H.P. Lovecraft, edited and with an introduction by Lin Carter.-- Ballantine Books; c1970.-- (Balllantine books ; 23527).</t>
  </si>
  <si>
    <t>The survivor and others / by H.P. Lovecraft and August Derleth.-- Ballantine Books; [1971].-- (Balllantine books).</t>
  </si>
  <si>
    <t>Lovecraft : a biography / by L. Sprague de Camp ; abridged by the author.-- Ballantine Books; c1975.</t>
  </si>
  <si>
    <t>813.5/L94/d</t>
  </si>
  <si>
    <t>At the mountains of madness : and other tales of terror / H.P. Lovecroft ; selected and with an introduction by August Derleth.-- Panther Books; 1968.-- (A Panther book).</t>
  </si>
  <si>
    <t>At the mountains of madness : and other tales of terror / H.P. Lovecroft ; selected and with an introduction by August Derleth.-- Panther Books; 1969.-- (A Panther book).</t>
  </si>
  <si>
    <t>The lurker at the treshold / H.P. Lovecroft and August Derleth.-- Panther Books; 1969.-- (A Panther book).</t>
  </si>
  <si>
    <t>The shuttered room : and other horror / H.P. Lovecroft and August Derleth.-- Panther Books; 1970..-- (A Panther book).</t>
  </si>
  <si>
    <t>Tales of the Cthulhu mythos / H.P. Lovecraft and others ; collected by August Derleth.-- Beagle Books; c1969.-- (A Beagle Horror Anthology).</t>
  </si>
  <si>
    <t>813.087/C94</t>
  </si>
  <si>
    <t>The case of Charles Dexter Ward / H.P. Lovecraft.-- Beagle Books; c1943.-- (A Beagle Boxer Horror Novel).</t>
  </si>
  <si>
    <t>The lurking fear, and other stories / H.P. Lovecraft.-- Avon Book; c1947.</t>
  </si>
  <si>
    <t>Wobble to death / Peter Lovesey.-- Penguin; 1980.-- (Penguin crime fiction).</t>
  </si>
  <si>
    <t>823.91/L94</t>
  </si>
  <si>
    <t>The detective wore silk drawers / Peter Lovesey.-- Penguin; 1980.-- (Penguin crime fiction).</t>
  </si>
  <si>
    <t>A case of spirits / Peter Lovesey.-- Penguin Books; 1977.-- (Penguin crime fiction).</t>
  </si>
  <si>
    <t>Invitation to a dynamite party / Peter Lovesey.-- Penguin; 1976.-- (Penguin crime fiction).</t>
  </si>
  <si>
    <t>The detective wore silk drawers / Peter Lovesey.-- A Dell Book; c1971.</t>
  </si>
  <si>
    <t>Mad Hatter's holiday / Peter Lovesey.-- Panther Books; c1973.</t>
  </si>
  <si>
    <t>The lodger / by Marie Belloc Lowndes.-- Avon Books; c1940.-- (Avon Classic Crime Collection).</t>
  </si>
  <si>
    <t>Master of adventure : the worlds of Edgar Rice Burroughs / Richard A. Lupoff ; preface by Henry Hardy Heins.-- An Ace Book; c1965.-- (Ace Book).</t>
  </si>
  <si>
    <t>813.5/B94/l</t>
  </si>
  <si>
    <t>The London jungle adventures of Charlie Hope / by Morris Lurie.-- A Panther Bppk; 1970.</t>
  </si>
  <si>
    <t>823.91/L97</t>
  </si>
  <si>
    <t>One more unfortunate / by Edgar Lustgarten.-- Bantam Books; 1949.-- (A Bantam Book ; 360).</t>
  </si>
  <si>
    <t>The woman in the case / by Edgar Lustgarten.-- Pan Books; 1958.-- (Great Pan ; G117).</t>
  </si>
  <si>
    <t>The secret servant / Gavin Lyall ; pbk.-- Pan; 1982, c1980.</t>
  </si>
  <si>
    <t>823.91/L98</t>
  </si>
  <si>
    <t>Blame the dead / Gavin Lyall.-- Ballantine Books; c1973.</t>
  </si>
  <si>
    <t>The dry and lawless years / by John H. Lyle.-- Dell Publishing; c1960.</t>
  </si>
  <si>
    <t>364.1/L98</t>
  </si>
  <si>
    <t>Who is killing the great chefs of europe? / Nan and Ivan Lyons.-- Hodder and Stoughton; 1979.-- (Coronet Books).</t>
  </si>
  <si>
    <t>813.5/L99</t>
  </si>
  <si>
    <t>House on telegraph / by Dana Lyon.-- Mercury Publications; c1948.-- (Mercury Mystery).</t>
  </si>
  <si>
    <t>A reader's guide to the American novel of detection / Marvin Lachman.-- G.K. Hall.-- (Reader's guides to mystery novels).</t>
  </si>
  <si>
    <t>813.0872/L12</t>
  </si>
  <si>
    <t>Crime / Alix Lambert.-- Fuel; 2008.</t>
  </si>
  <si>
    <t>364/L16</t>
  </si>
  <si>
    <t>The mirror room / Christopher Landon.-- Heinemann; 1960.</t>
  </si>
  <si>
    <t>823.91/L22</t>
  </si>
  <si>
    <t>Hornets' nest / Christopher Landon.-- Heinemann; 1956.</t>
  </si>
  <si>
    <t>Death awaits thee / by Maria Lang. Translated by Joan Tate.-- Hodder &amp; Stoughton; c1967.-- (King crime).</t>
  </si>
  <si>
    <t>839.7/L24</t>
  </si>
  <si>
    <t>A wreath the bride / by Maria Lang. Translated by Joan Tate.-- Hodder &amp; Stoughton; c1966.</t>
  </si>
  <si>
    <t>The man with the lumpy nose / by Lawrence Lariar ; with cartoons by the author and others.-- Dodd, Mead &amp; Company; c1944.</t>
  </si>
  <si>
    <t>Someone's death / by Charles Larson.-- Lippincott; c1973.</t>
  </si>
  <si>
    <t>Murder against the grain / by Emma Lathen.-- Macmillan; c1967.-- (A Cock Robin mystery).</t>
  </si>
  <si>
    <t>A stich in time / by Emma Lathen.-- Victor Gollancz; 1968.-- (Gollanca Thriller).</t>
  </si>
  <si>
    <t>Under Orion / Janice Law.-- Houghton Mifflin; 1978.</t>
  </si>
  <si>
    <t>813.5/L41</t>
  </si>
  <si>
    <t>Almanach du crime 1980 : l'année 1978-79 du Roman policier / Michel Lebrun.-- Guénaud/Polar; c1979.</t>
  </si>
  <si>
    <t>809.387/L49</t>
  </si>
  <si>
    <t>Le secret d'Eunerville / Arsène Lupin.-- Librairie des Champs-Élysées; c1973.</t>
  </si>
  <si>
    <t>Best ghost stories of J.S. LeFanu / edited and with an introduction by E.F. Bleiler.-- Dover Publications; c1964.</t>
  </si>
  <si>
    <t>Uncle Silas : a tale of Bartram-Haugh / by J.S. LeFanu ; with a new introduction by Frederick Shroyer.-- Dover Publications; 1966.</t>
  </si>
  <si>
    <t>Ghost stories and mysteries / J.S. LeFanu ; selected and edited by E.F. Bleiler.-- Dover Publications; c1975.</t>
  </si>
  <si>
    <t>The last space ship / Murray Leinster.-- Frederick Fell; c1949.-- (Fell's science fiction library).</t>
  </si>
  <si>
    <t>Elmore Leonard / David Geherin.-- Continuum Publishing Co.; 1989.-- (A Frederick Ungar book).</t>
  </si>
  <si>
    <t>813.5/L55/g</t>
  </si>
  <si>
    <t>The gay deceiver / Peter Leslie.-- Stein and Day; c1967.</t>
  </si>
  <si>
    <t>823.91/L56</t>
  </si>
  <si>
    <t>Rosemary's baby : a novel / by Ira Levin.-- Random House; c1967.</t>
  </si>
  <si>
    <t>A kiss before dying / by Ira Levin.-- Simon and Schuster; 1953.</t>
  </si>
  <si>
    <t>Off camera : conversations with the makers of prime-time television / by Richard Levinson and William Link ; pbk..-- New American Library; c1986.-- (A Plume book).</t>
  </si>
  <si>
    <t>384.55/L57</t>
  </si>
  <si>
    <t>John le Carré / Peter Lewis ; pbk..-- Frederick Ungar Publishng Co.; c1985.</t>
  </si>
  <si>
    <t>823.91/L46/l</t>
  </si>
  <si>
    <t>Kalle Blomkvist och Rasmus / Astrid Lindgren.-- Rabén &amp; Sjögren; 1963.</t>
  </si>
  <si>
    <t>839.73/L63</t>
  </si>
  <si>
    <t>Mästerdetektiven Blomkvist / Astrid Lindgren.-- Rabén &amp; Sjögren; 1952.</t>
  </si>
  <si>
    <t>Terroristen / Nils Lodin.-- P.A. Norstedt &amp; Söner; 1976.</t>
  </si>
  <si>
    <t>839.73/L81</t>
  </si>
  <si>
    <t>Curtain for a jester : a Mr. and Mrs. North mystery / by Frances and Richard Lockridge.-- J.B.Lippincott; c1953.-- (Main line mysteries).</t>
  </si>
  <si>
    <t>Killer in the straw / Richard and Frances Lockridge.-- Mercury Publications; c1954.-- (A Mercury mystery ; 208).</t>
  </si>
  <si>
    <t>Deathampton summer / Margaret Logan.-- Walker &amp; Co.; 1988.</t>
  </si>
  <si>
    <t>813.5/L82</t>
  </si>
  <si>
    <t>Murder on a monument / by E.C.R. Lorac.-- Published for the Crime Club by Collins; c1958.-- (Crime Club ; novel).</t>
  </si>
  <si>
    <t>Marshmallow pie / Graham Lord.-- Macmillan; c1970.</t>
  </si>
  <si>
    <t>At the mountains of madness, and other novels / H.P. Lovecraft ; selected by August Derleth ; with texts edited by S.T. Joshi ; and an introduction by James Turner.-- Arkham House Publishers; c1964.</t>
  </si>
  <si>
    <t>The Dunwich horror and others / H.P. Lovecraft ; selected by August Derleth ; with texts edited by S.T. Joshi ; and an introduction by Robert Bloch.-- Arkham House Publishers; c1963.</t>
  </si>
  <si>
    <t>Lovecraft : a biography / by L. Sprague de Camp.-- Doubleday; 1975.</t>
  </si>
  <si>
    <t>The haunter of the dark,and other tales of horror / by H.P. Lovecraft ; edited, and with an introduction by August Derleth.-- Victor Gollancz; 1951.</t>
  </si>
  <si>
    <t>Selected letters, 1934-1937  / H.P. Lovecraft ; edited by August Derleth and Donald Wandrei.-- Arkham House; 1976.-- (Selected letters ; 5).</t>
  </si>
  <si>
    <t>816.5/L94</t>
  </si>
  <si>
    <t>Supernatural horror in literature / Howard Phillips lovecraft ; with a new introduction by E. F. Bleiler.-- Dover Publications; c1973.</t>
  </si>
  <si>
    <t>809.387/L94</t>
  </si>
  <si>
    <t>Dagon and other macabre tales / H.P. Lovecraft ; selected by August Derleth, with texts edited by S.T. Joshi and an introduction by T.E.D. Klein.-- Arkham House Publishers; [1987], c1965.</t>
  </si>
  <si>
    <t>Wobble to death / Peter Lovesey.-- Macmillan; 1970.</t>
  </si>
  <si>
    <t>A fronded isle : and other essays / by E.V.Lucas.-- Books for Libraries Press; 1968.-- (Essay index reprint series).</t>
  </si>
  <si>
    <t>824.91/L96</t>
  </si>
  <si>
    <t>Venus with pistol / by Gavin Lyall.-- Hodder and Stoughton; c1969.</t>
  </si>
  <si>
    <t>The Continental Op / by Dashiell Hammett ; introduction by Ellery Queen.-- Lawrence E. Spivak; c1945.-- (Bestseller mystery ; B62).</t>
  </si>
  <si>
    <t>Poirot e la strage degli innocenti / Agatha Christie.-- Mondadori; c1970.</t>
  </si>
  <si>
    <t>Five hours to live! / by Jay Albert.-- Mercury Publications; 1957.7.-- (Mercury mystery book magazine ; vol.3 no.2).</t>
  </si>
  <si>
    <t>Keep an eye on the body / by Ed Lacy.-- Mercury Publications; 1956.-- (Mercury mystery book magazine ; vol.2 no.8).</t>
  </si>
  <si>
    <t>The Valachi papers / Peter Maas.-- Panther; 1970, c1968.</t>
  </si>
  <si>
    <t>364.1/Ma65</t>
  </si>
  <si>
    <t>Phantastes / George Macdonald ; introduction by Lin Carter.-- Ballantine Books; c1970.-- (Ballantine Books).</t>
  </si>
  <si>
    <t>823.8/Ma14</t>
  </si>
  <si>
    <t>Lilith / George Macdonald ; introduction by Lin Carter.-- Ballantine Books; c1969.-- (Ballantine Books).</t>
  </si>
  <si>
    <t>Evenor / George Macdonald ; with an introduction and notes by Lin Carter.-- Ballantine Books; c1972.-- (Ballantine Books).</t>
  </si>
  <si>
    <t>Murder for the bride : an original gold medal novel / by John D. MacDonald.-- Fawcett Publications; c1951.-- (Gold medal books ; 983).</t>
  </si>
  <si>
    <t>Slam the big door : an original gold medal novel / by John D. MacDonald.-- Fawcett Publications; c1960.-- (Gold medal books ; s961).</t>
  </si>
  <si>
    <t>The only girl in the game : an original gold medal novel / by John D. MacDonald.-- Fawcett Publications; c1960.-- (Gold medal books ; s1015).</t>
  </si>
  <si>
    <t>The brass cupcake / John D. MacDonald.-- Fawcett Publications; c1950.-- (Gold medal books ; k1566).</t>
  </si>
  <si>
    <t>Murder for the bride / John D. MacDonald.-- Fawcett Publications; c1951.-- (Gold medal books ; k1537).</t>
  </si>
  <si>
    <t>The quick red fox  / by John D. MacDonald.-- Fawcett Publications; c1964.-- (Gold medal books ; k1464).</t>
  </si>
  <si>
    <t>A purple place for dying   / by John D. MacDonald.-- Fawcett Publications; c1964.-- (Gold medal books ; k1417).</t>
  </si>
  <si>
    <t>Nightmare in pink / by John D. MacDonald.-- Fawcett Publications; c1964.-- (Gold medal books ; k1406).</t>
  </si>
  <si>
    <t>The deep blue good-by / by John D. MacDonald.-- Fawcett Publications; c1964.-- (Gold medal books ; k1405).</t>
  </si>
  <si>
    <t>The drowner  / by John D. MacDonald.-- Fawcett Publications; c1963.-- (Gold medal books ; k1302).</t>
  </si>
  <si>
    <t>A deadly shade of gold  / by John D. MacDonald.-- Fawcett Publications; c1965.-- (Gold medal books ; d1499).</t>
  </si>
  <si>
    <t>A man of affairs / John D. MacDonald.-- Fawcett Publications; c1957.-- (Gold medal books ; d1552).</t>
  </si>
  <si>
    <t>Bright orange for the shroud / John D. MacDonald.-- Fawcett Publications; c1965.-- (Gold medal books ; d1573).</t>
  </si>
  <si>
    <t>Darker than amber / John D. MacDonald.-- Fawcett Publications; c1966.-- (A fawcett gold medal book ; d1674).</t>
  </si>
  <si>
    <t>A key to the suite  / John D. MacDonald.-- Fawcett Publications; c1962.-- (A fawcett gold medal book ; d1745).</t>
  </si>
  <si>
    <t>One fearful yellow eye  / John D. MacDonald.-- Fawcett Publications; c1966.-- (A fawcett gold medal book ; d1750).</t>
  </si>
  <si>
    <t>Pale gray for guilt / John D. MacDonald.-- Fawcett Publications; c1968.-- (A fawcett gold medal book ; d1893).</t>
  </si>
  <si>
    <t>The long lavender look / John D. MacDonald.-- Fawcett Publications; c1970.-- (A fawcett gold medal book ; M2325).</t>
  </si>
  <si>
    <t>A tan and sandy silence / John D. MacDonald.-- Fawcett Publications; c1971.-- (A fawcett gold medal book ; M2513).</t>
  </si>
  <si>
    <t>End of the Tiger : and other stories / John D. MacDonald.-- Fawcett Publications; c1966.-- (A fawcett gold medal book ; R2106).</t>
  </si>
  <si>
    <t>The girl, the gold watch and everything / by John D. MacDonald.-- Fawcett Publications; c1962.-- (Gold medal books ; s1259).</t>
  </si>
  <si>
    <t>The girl in the plain brown wrapper / John D. MacDonald.-- Fawcett Publications; c1968.-- (A fawcett gold medal book ; T2023).</t>
  </si>
  <si>
    <t>The last one left / John D. MacDonald.-- Ballamntine Books; [1983],c1967.-- (Fawcett gold medal ; Mystery).</t>
  </si>
  <si>
    <t>Cape fear / by John D. MacDonald.-- Fawcett Publications; c1958.-- (Crest book ; k788).</t>
  </si>
  <si>
    <t>Please write for details / John D. MacDonald.-- Fawcett Publications; [1960], c1959.-- (Crest book ; s358).</t>
  </si>
  <si>
    <t>The crossroads / John D. MacDonald.-- Fawcett Publications; [1960], c1959.-- (Crest book ; s400).</t>
  </si>
  <si>
    <t>The end of the night / John D. MacDonald.-- Fawcett Publications; [1961], c1960.-- (Crest book ; s464).</t>
  </si>
  <si>
    <t>A flash of green / by John D. MacDonald.-- Fawcett Publications; [1963], c1962.-- (Crest book ; R661).</t>
  </si>
  <si>
    <t>Deadly welcome / John D. MacDonald.-- Pan Books; c1959.-- (Pan books ; G675).</t>
  </si>
  <si>
    <t>Hurricane / John D. MacDonald.-- Pan Books; c1963.-- (Pan books ; G643).</t>
  </si>
  <si>
    <t>La poudrière / Arsène Lupin ; inédit présenté par Boileau &amp; Narcejac.-- Librairie des Champs-Élysées; c1974.</t>
  </si>
  <si>
    <t>843.91/L97</t>
  </si>
  <si>
    <t>The empty copper sea / John D. MacDonald.-- Fawcett Gold Medal Books; c1978.</t>
  </si>
  <si>
    <t>Planet of the dreamers / John D. MacDonald.-- Pocket Books; c1951.-- (Pocket Book ; 943).</t>
  </si>
  <si>
    <t>R. I. P. / by Philip MacDonald.-- Published for the Crime Club by Collins; 1937.-- (Crime club).</t>
  </si>
  <si>
    <t>The Crime Conductor / Philip Macdonald.-- The crime club by collins; 1936.</t>
  </si>
  <si>
    <t>The rasp / Philip MacDonald.-- Avon Books; c1963.-- (Avon classic crime collectiom).</t>
  </si>
  <si>
    <t>Murder gone mad / Philip MacDonald.-- Avon Books; c1963.-- (Avon classic crime collectiom).</t>
  </si>
  <si>
    <t>The rasp / Philip MacDonald.-- Avon Books; c1963.-- (An Avon Mystery).</t>
  </si>
  <si>
    <t>The rynox murder / Philip MacDonald.-- Avon Books; c1963.-- (An Avon Mystery).</t>
  </si>
  <si>
    <t>Warrant for X / Philip MacDonald.-- Avon Books; c1963.-- (An Avon Mystery).</t>
  </si>
  <si>
    <t>The nursemaid who disappeared / by Philip Macdonald.-- Fontana Books by Collins; c1958.-- (Fontana Books ; 234).</t>
  </si>
  <si>
    <t>Guest in the house / Philip MacDonald.-- Penguin; 1964, c1956.-- (Penguin books ; 2103).</t>
  </si>
  <si>
    <t>Xv. Rex / Philip Macdonald.-- Penguin Books; 1955.-- (Penguin Books ; 1107).</t>
  </si>
  <si>
    <t>The list of Adrian messenger / by Philip MacDonald.-- Bantam Books; 1961.-- (Bantam Books).</t>
  </si>
  <si>
    <t>Warrant for X / by Philip MacDonald.-- Dell Publishing; c1938.-- (Dell ; 9406).</t>
  </si>
  <si>
    <t>Mystery of the dead police / by Philip MacDonald.-- Dell; 1958.-- (Dell great mystery library ; No. 19).</t>
  </si>
  <si>
    <t>The rynox murder / Philip MacDonald.-- The Military Service Publishing; 1944.-- (A Superior Mystery ; M642).</t>
  </si>
  <si>
    <t>Death and chicanery / by Philip MacDonald.-- Popular Library; 1964.</t>
  </si>
  <si>
    <t>The Polferry riddle / by Philip MacDonald ; pbk..-- Vintage Books; 1983, c1931.</t>
  </si>
  <si>
    <t>The name is Archer / Ross Macdonald.-- Bantam Books; 1955.-- (Bantam books ; 1295).</t>
  </si>
  <si>
    <t>The barbarous coast / Ross Macdonald.-- Bantam Books; 1957, c1956.-- (Bantam books ; 1613).</t>
  </si>
  <si>
    <t>Meet me at the morgue / John Ross Macdonald.-- Pocket Books; 1954.-- (Pocket book ; 1020).</t>
  </si>
  <si>
    <t>On crime writing / Ross Macdonald.-- Capra Press; 1973.-- (Yes! Capra chapbook series ; no. 11).</t>
  </si>
  <si>
    <t>813.0872/Ma14</t>
  </si>
  <si>
    <t>Dreamers who live their dreams : the world of Ross Macdonald's novels / Peter Wolfe ; pbk..-- Bowling Green University Popular Press; c1976.</t>
  </si>
  <si>
    <t>813.5/Ma14/w</t>
  </si>
  <si>
    <t>The Three impostors / Arthur Machen.-- Ballantine Books; 1972.-- (Ballantine Books).</t>
  </si>
  <si>
    <t>823.91/Ma16</t>
  </si>
  <si>
    <t>Tales of horror and the supernatural / by Arthur Machen ; 1.-- Pinnacle Books; c1948.-- (A  Pinnacle Books ; P032).</t>
  </si>
  <si>
    <t>Crab bag / Charlotte Macleod.-- Avon Books; c1987.-- (Avon Books).</t>
  </si>
  <si>
    <t>Neither five nor three / Helen MacInnes.-- Fawcett Publications; c1951.-- (A fawcett Crest Book ; t939).</t>
  </si>
  <si>
    <t>813.5/Ma19</t>
  </si>
  <si>
    <t>The double image / Helen MacInnes.-- Collins; 1967.-- (Fontana Books ; 1522).</t>
  </si>
  <si>
    <t>North from Rome / Helen MacInnes.-- Collins; c1958.-- (Crest Giant ; d300).</t>
  </si>
  <si>
    <t>Message from Málaga / Helen MacInnes.-- Fawcett Publications; 1972.-- (A Fawcett Crest Book).</t>
  </si>
  <si>
    <t>Nowhere to go / Donald Mackenzie.-- Hodder Paperbacks; 1969, c1956.</t>
  </si>
  <si>
    <t>Ride a pale horse / Helen MacInnes.-- Fawcett Crest; 1985, c1984.</t>
  </si>
  <si>
    <t>Above suspicion / Helen Maclnnes.-- Pocket Books; 1942, c 1941.</t>
  </si>
  <si>
    <t>Horizon / Helen Maclnnes.-- Dell Publishing; [1964], c1945.-- (A Dell book ; 3707).</t>
  </si>
  <si>
    <t>The Convivial Codfish / Charlotte MacLeod.-- Avon Books; [1985] , c1984.-- (Avon books ; Mystery).</t>
  </si>
  <si>
    <t>The plain old man  / Charlotte MacLeod.-- Avon Books; [1986] , c1985.-- (Avon books ; Mystery).</t>
  </si>
  <si>
    <t>The world's strangest crimes / C. E. Maine.-- Pocket Books; 1970, c1967.</t>
  </si>
  <si>
    <t>364/Ma31</t>
  </si>
  <si>
    <t>Tough guys don't dance / Norman Mailer.-- Ballantine Books; 1985, c184.</t>
  </si>
  <si>
    <t>813.5/Ma31</t>
  </si>
  <si>
    <t>L'envahissant cadavre de la plaine Monceau : roman / Léo Malet.-- Le Livre de Poche; 1971.-- (Le Livre de Poche ; 3110).</t>
  </si>
  <si>
    <t>843.91/Ma39</t>
  </si>
  <si>
    <t>M'as-tu vu en cadavre? : roman / Léo Malet.-- Le Livre de Poche; 1971.-- (Le Livre de Poche ; 3330).</t>
  </si>
  <si>
    <t>See how they run / by Don M. Mankiewicz.-- New American Library; [1952].-- (A signet book ; 947).</t>
  </si>
  <si>
    <t>813.5/Ma44</t>
  </si>
  <si>
    <t>The realm of ghosts / Eric Maple.-- Pan Books; 1967.-- (Pan books).</t>
  </si>
  <si>
    <t>133.1/Ma49</t>
  </si>
  <si>
    <t>Hide-and-seek / Lindsay Maracotta.-- Pocket Books; c1982.-- (Pocket fiction).</t>
  </si>
  <si>
    <t>813.5/Ma51</t>
  </si>
  <si>
    <t>The return / Walter De La Mare.-- Pan Books; 1954.-- (Pan books ; 270).</t>
  </si>
  <si>
    <t>823.91/D51</t>
  </si>
  <si>
    <t>Weird tales / edited and with an introduction by Leo Margulies.-- Jove Publications; 1979.-- (Jove book ; A4877).</t>
  </si>
  <si>
    <t>813.087/Ma51</t>
  </si>
  <si>
    <t>The Brezhnev memo / Morton Marcus.-- Dell Publishing; 1980.</t>
  </si>
  <si>
    <t>Come be my O.R.G.Y. / Ted Mark.-- Berkley Publishing Co.; c1968.-- (A Berkley medallion book ; S1564).</t>
  </si>
  <si>
    <t>The square root of sex / Ted Mark.-- Berkley Publishing Co.; c1967.-- (A Berkley medallion book ; S1623).</t>
  </si>
  <si>
    <t>The Pussycat transplant / Ted Mark.-- Berkley Publishing Co.; c1968.-- (A Berkley medallion book ; S1625).</t>
  </si>
  <si>
    <t>This nude for hire / Ted Mark.-- Berkley Publishing Co.; c1969.-- (A Berkley medallion book ; S1683).</t>
  </si>
  <si>
    <t>Here's your O.R.G.Y.!  / Ted Mark.-- Berkley Publishing Co.; c1969.-- (A Berkley medallion book ; S1736).</t>
  </si>
  <si>
    <t>I was a teeny-bopper for the CIA  / Ted Mark.-- Berkley Publishing Co.; c1967.-- (A Berkley medallion book ; S1736).</t>
  </si>
  <si>
    <t>Back home at the O.R.G.Y.  / Ted Mark.-- Berkley Publishing Co.; c1968.-- (A Berkley medallion book ; S1754).</t>
  </si>
  <si>
    <t>The nude who did   / Ted Mark.-- Berkley Publishing Co.; c1970.-- (A Berkley medallion book ; S1868).</t>
  </si>
  <si>
    <t>Dr. Nyet  / Ted Mark.-- Lancer Books; 1966.-- (Lancer books ; 73-477).</t>
  </si>
  <si>
    <t>My son, the double agent  / Ted Mark.-- Lancer Books; 1966.-- (Lancer books ; 73-485).</t>
  </si>
  <si>
    <t>The man from O.R.G.Y.  / Ted Mark.-- Lancer Books; 1966.-- (Lancer books ; 73-487).</t>
  </si>
  <si>
    <t>The 9-month caper / Ted Mark.-- Lancer Books; 1966, c1965.-- (Lancer books ; 73-488).</t>
  </si>
  <si>
    <t>The real gone girls / Ted Mark.-- Lancer Books; 1966.-- (Lancer books ; 73-490).</t>
  </si>
  <si>
    <t>A hard day's night / Ted Mark.-- Lancer Books; 1966.-- (Lancer books ; 73-508).</t>
  </si>
  <si>
    <t>The nude wore black  / Ted Mark.-- Lancer Books; 1967.-- (Lancer books ; 73-546).</t>
  </si>
  <si>
    <t>Room at the Topless / Ted Mark.-- Lancer Books; 1967.-- (Lancer books ; 73-563).</t>
  </si>
  <si>
    <t>Circle of sin / Ted Mark.-- Lancer Books; 1967, c1965.-- (Lancer books ; 73-620).</t>
  </si>
  <si>
    <t>The nude who never / Ted Mark.-- Mayflower Books; 1970, c1965.-- (A Mayflower paperback).</t>
  </si>
  <si>
    <t>Dial "O" for O.R.G.Y / Ted Mark.-- Dell Publishing; c1973.-- (A Dell Book).</t>
  </si>
  <si>
    <t>Around the world is not a trip / Ted Mark.-- Dell Publishing; c1973.-- (A Dell Book).</t>
  </si>
  <si>
    <t>The man from Charisma / by Ted Mark.-- Dell; c1970.-- (A Dell book ; 5196).</t>
  </si>
  <si>
    <t>The Ted Mark reader / by Ted "the man from O.R.G.Y." Mark.-- Lancer Books; c1966.-- (Lancer Books ; 73-515).</t>
  </si>
  <si>
    <t>The memoirs of a Venus lackey / Derek Marlowe.-- Panther; 1970, c1968.-- (A Panther Book).</t>
  </si>
  <si>
    <t>Death deep down / by Dan J. Marlowe.-- Fawcett Publications; c1965.-- (A Fawcett gold medal book ; k1524).</t>
  </si>
  <si>
    <t>Never live twice / by Dan J. Marlowe.-- Fawcett Publications; c1964.-- (A Fawcett gold medal book ; k1441).</t>
  </si>
  <si>
    <t>Strongman / by Dan J. Marlowe.-- Fawcett Publications; c1963.-- (A Fawcett gold medal book ; k1340).</t>
  </si>
  <si>
    <t>One endless hour / by Dan J. Marlowe.-- Fawcett Publications; c1969.-- (A Fawcett gold medal book ; R2050).</t>
  </si>
  <si>
    <t>Drum beat-Berlin / by Stephen Marlowe.-- Fawcett Publications; c1964.-- (A Fawcett gold medal book ; k1420).</t>
  </si>
  <si>
    <t>Drum beat-Dominique / by Stephen Marlowe.-- Fawcett Publications; c1969.-- (A Fawcett gold medal book ; k1508).</t>
  </si>
  <si>
    <t>Manhunt is my mission / by Stephen Marlowe.-- Fawcett Publications; c1961.-- (A Fawcett gold medal book ; s1116).</t>
  </si>
  <si>
    <t>Mecca for murder / by Stephen Marlowe.-- Fawcett Publications; c1956.-- (A Fawcett gold medal book ; 575).</t>
  </si>
  <si>
    <t>Route of the red gold / by Dan J. Marlowe.-- Fawcett Publications; c1967.-- (A Fawcett gold medal book ; d1791).</t>
  </si>
  <si>
    <t>The vengeance man / by Dan J. Marlowe.-- Fawcett Publications; c1966.-- (A Fawcett gold medal book ; d1645).</t>
  </si>
  <si>
    <t>The raven is a blood red bird / by Dan J. Marlowe and William Odell.-- Fawcett Publications; c1967.-- (A Fawcett gold medal book ; d1645).</t>
  </si>
  <si>
    <t>Drum beat-Erica / by Stephen Marlowe.-- Fawcett Publications; c1967.-- (A Fawcett gold medal book ; d1796).</t>
  </si>
  <si>
    <t>813.5/ Ma52</t>
  </si>
  <si>
    <t>Drum beat-Madrid / by Stephen Marlowe.-- Fawcett Publications; c1966.-- (A Fawcett gold medal book ; d1686).</t>
  </si>
  <si>
    <t>Drum beat-Marianne / by Stephen Marlowe.-- Fawcett Publications; c1968.-- (A Fawcett gold medal book ; d1909).</t>
  </si>
  <si>
    <t>No hero / by John P. Marquand.-- Lawrence E. Spivak; c1935.-- (A Jonathan mystery ; 52).</t>
  </si>
  <si>
    <t>Your turn, Mr. Moto / John P. Marquand ; pbk..-- Little, Brown; 1985, c1963.</t>
  </si>
  <si>
    <t>Thank you, Mr. Moto / John P. Marquand ; pbk..-- Little, Brown; 1985.</t>
  </si>
  <si>
    <t>Gideon's fire / by J. J. Marric.-- The New American Library; c1961.-- (A Signet book ; P3053).</t>
  </si>
  <si>
    <t>Gideon's ride / by J. J. Marric.-- Berkley Publishing; c1963.-- (Berkley Medallion).</t>
  </si>
  <si>
    <t>Gideon's vote / by J. J. Marric.-- Berkley Publishing; c1964.-- (Berkley Medallion ; F1193).</t>
  </si>
  <si>
    <t>Gideon's vote / by J. J. Marric.-- Berkley Publishing; c1964.-- (Berkley Medallion ; F1246).</t>
  </si>
  <si>
    <t>Death at the bar / by Ngaio Marsh.-- Pocket Books; c1940.-- (Pocket book ; 297).</t>
  </si>
  <si>
    <t>Death in a white tie / Ngaio Marsh.-- Pocket Book; c1938.-- (PocketBook).</t>
  </si>
  <si>
    <t>Killer dolphin / Ngaio Marsh.-- Berkley Publishing co.; c1966.-- (A Roderick Alleyn mystery).</t>
  </si>
  <si>
    <t>When in Rome / Ngaio Marsh.-- Berkley Publishing co.; c1971.-- (A Roderick Alleyn mystery).</t>
  </si>
  <si>
    <t>Death in ecstasy / Ngaio Marsh.-- Collins; 1968.-- (Fontana books ; 1703).</t>
  </si>
  <si>
    <t>Singing in the shrouds / Ngaio Marsh.-- Collins; 1965.-- (Fontana books ; 1581).</t>
  </si>
  <si>
    <t>Final curtain / Ngaio Marsh.-- Collins; 1965.-- (Fontana books ; 2722).</t>
  </si>
  <si>
    <t>Surfeit of Lampreys / Ngaio Marsh.-- Collins; 1971.-- (Fontana books ; 2142).</t>
  </si>
  <si>
    <t>False scent / by Ngaio Marsh.-- Collins; 1960.-- (Crest Book ; s452).</t>
  </si>
  <si>
    <t>Enter a murderer / Ngaio Marsh.-- Penguin Books; 1938.-- (Penguin books ; 152).</t>
  </si>
  <si>
    <t>A man lay dead / Ngaio Marsh.-- Penguin Books; 1939.-- (Penguin books ; 210).</t>
  </si>
  <si>
    <t>Death and the dancing footman / by Ngaio Marsh.-- the Armed Service; c1941.-- (Armed services editions ; 727).</t>
  </si>
  <si>
    <t>Died in the wool / Ngaio Marsh.-- Pocket Book; c1949.-- (PocketBook ; 626).</t>
  </si>
  <si>
    <t>Swing, brother, swing / Ngaio Marsh.-- Pocket Book; 1951.-- (PocketBook ; 762).</t>
  </si>
  <si>
    <t>Final curtain / by Ngaio Marsh.-- Pocket Books; 1948.-- (Pocket book ; 527).</t>
  </si>
  <si>
    <t>Thin air : a Yellowthread Street mystery / William Marshall ; pbk..-- Penguin Books; 1982, c1977.</t>
  </si>
  <si>
    <t>Sleep, my love / by Robert Martin.-- Dell Publishing Co.; c1952.-- (A Dell book ; 794).</t>
  </si>
  <si>
    <t>813.5/Ma53</t>
  </si>
  <si>
    <t>Crime and the police / Anthony Martienssen ; with a foreword by R.M. Howe.-- Penguin Books; 1953.-- (Penguin books ; 888).</t>
  </si>
  <si>
    <t>823.91/Ma53</t>
  </si>
  <si>
    <t>Catch me a spy / George Marton and Tibor Meray.-- Popular Library; c1969.</t>
  </si>
  <si>
    <t>Two tickets for Tangier / Van Wyck Mason.-- Pocket Book; 1956.-- (PocketBook ; 1115).</t>
  </si>
  <si>
    <t>813.5/Ma64</t>
  </si>
  <si>
    <t>Secret mission Bangkok / Van Wyck Mason.-- Pocket Book; 1961.-- (Pocket Book ; 6065).</t>
  </si>
  <si>
    <t>The natural history of the vampire / Anthony Masters.-- Mayflower Books; 1974.</t>
  </si>
  <si>
    <t>823.91/Ma65</t>
  </si>
  <si>
    <t>El caso del Frankenstein mentiroso : y nueve casos más / M. Masters.-- Timun Mas; c1987.-- (Resuelve el misterio ; 12).</t>
  </si>
  <si>
    <t>863.6/Ma65</t>
  </si>
  <si>
    <t>The dark fantastic / Whit Masterson.-- Avon Books; c1959.-- (Avon ; S212).</t>
  </si>
  <si>
    <t>813.5/Ma65</t>
  </si>
  <si>
    <t>You ca't live forever / Harold Q. Masur.-- Pocket Book; 1952.-- (Pocket Book ; 860).</t>
  </si>
  <si>
    <t>813.5/Ma68</t>
  </si>
  <si>
    <t>Bury me deep / by Harold Q. Masur.-- Dell Publishing; c1948.-- (Dell Book ; 944).</t>
  </si>
  <si>
    <t>So rich, so lovely and so head / Harold Q. Masur.-- Pocket Book; 1954.-- (Pocket Book ; 998).</t>
  </si>
  <si>
    <t>Suddenly a corpse / Harold Q. Masur.-- Pocket Book; 1950.-- (Pocket Book ; 704).</t>
  </si>
  <si>
    <t>Bury me deep / Harold Q. Masur.-- Pocket Book; 1947.-- (Pocket Book ; 558).</t>
  </si>
  <si>
    <t>The big money / by Harold Q. Masur.-- Dell Publishing; c1954.-- (Dell Book ; 874).</t>
  </si>
  <si>
    <t>Send another hearse / by Harold Q. Masur.-- Dell Publishing; c1960.-- (Dell Book ; 7737).</t>
  </si>
  <si>
    <t>At play in the fields of the Lord / by Peter Matthiessen.-- New American Library; c1965.-- (A Signet book ; Y3057).</t>
  </si>
  <si>
    <t>813.5/Ma94</t>
  </si>
  <si>
    <t>Shock waves / by Richard Matheson.-- Dell Publishing; c1970.-- (Dell Book ; 7831).</t>
  </si>
  <si>
    <t>Hell house / Richard Matheson.-- Bantam Books; 1972, c1971.-- (Bantam books ; N7277).</t>
  </si>
  <si>
    <t>Legasy of a spy / by Henry S. Maxfield.-- Fawcett Publications; c1958.-- (Crest book ; s288).</t>
  </si>
  <si>
    <t>813.5/Ma97</t>
  </si>
  <si>
    <t>Legasy of a spy / Hery S. Maxfield.-- Avon; c1958.-- (Avon classic crime collection ; PN261).</t>
  </si>
  <si>
    <t>Hammerhead / James Mayo.-- Dell Publishing Co.; c1964.-- (Dell book ; 3391).</t>
  </si>
  <si>
    <t>823.91/Ma98</t>
  </si>
  <si>
    <t>Asking for it / James Mayo ; pbk.-- Pan Books; 1972, c1971.</t>
  </si>
  <si>
    <t>The man above suspicion / by James Mayo ; pbk.-- Pan Book; 1970, c1969.</t>
  </si>
  <si>
    <t>Welcome Sherazad / Alfred Mazure.-- Panther; 1971, c 1969.</t>
  </si>
  <si>
    <t>823.91/Ma99</t>
  </si>
  <si>
    <t>Death of a nurse / Ed McBain.-- Penguin Books; 1980, c1955.</t>
  </si>
  <si>
    <t>The McBain brief / Ed McBain.-- Dell Publishing; c1982.-- (Dell books).</t>
  </si>
  <si>
    <t>Killer's choice / by Ed Mcbain.-- Pocket Books; c1958.-- (Pocket book ; M3108).</t>
  </si>
  <si>
    <t>Lady killer / by Ed Mcbain.-- Pocket Books; c1958.-- (Pocket book ; M3119).</t>
  </si>
  <si>
    <t>Cooking out of this world / Anne McCaffrey.-- Ballantine Books; c1973.-- (Ballantine Books).</t>
  </si>
  <si>
    <t>641.5/Ma13</t>
  </si>
  <si>
    <t>Ring of fear / Anne McCaffrey.-- Dell; c1971.-- (Dell Book ; 7445).</t>
  </si>
  <si>
    <t>Bluebird Canyon / Dan McCall.-- Dell Publishing; c1983.-- (A Laurel Book).</t>
  </si>
  <si>
    <t>Before I die / Helen McCloy.-- Dell; c1963.-- (Dell Book ; 0507).</t>
  </si>
  <si>
    <t>Through a glass darkly / Helen McCloy.-- Dell; c1950.-- (Dell Book ; 8871).</t>
  </si>
  <si>
    <t>The one that got away / Helen McCloy.-- Dell; c1945.-- (Dell Book ; 355).</t>
  </si>
  <si>
    <t>The goblin market / Helen McCloy.-- Dell; c1943.-- (Dell Book ; 295).</t>
  </si>
  <si>
    <t>She walks alone / Helen McCloy.-- Dell; c1948.-- (Dell Book ; 430).</t>
  </si>
  <si>
    <t>Panic / by Helen McCloy.-- the Armed Service; c1944.-- (Armed services editions ; 1034).</t>
  </si>
  <si>
    <t>The gooseberry fool / James McClure ; : pbk.-- Avon Books; c1974.</t>
  </si>
  <si>
    <t>The gooseberry fool / James McClure.-- Penguin; 1976, c1974.-- (Penguin Books).</t>
  </si>
  <si>
    <t>Cop world / James McClure.-- Dell Publishing; c1984.-- (A Laurel Book).</t>
  </si>
  <si>
    <t>Spike island / James McClure.-- Dell Publishing; c1980.-- (A Laurel Book).</t>
  </si>
  <si>
    <t>The french doll / Vincent McConnor.-- Avon Books; c1965.-- (Avon books ; S215).</t>
  </si>
  <si>
    <t>The Paris puzzle / Vincent McConnor.-- Ballantine books; c1981.-- (Ballantine books).</t>
  </si>
  <si>
    <t>I should have stayed home / Horace McCoy.-- Penguin; 1966, c1938.-- (Penguin Books).</t>
  </si>
  <si>
    <t>Gibraltar road / Philip McCutchan.-- Berkley publishing corp.; c1960.-- (A berkley medallion bok ; F1050).</t>
  </si>
  <si>
    <t>Gibraltar road / Philip McCutchan.-- Berkley publishing corp.; c1960.-- (A berkley medallion bok ; F1183).</t>
  </si>
  <si>
    <t>Clue / Michael McDowell.-- Fawcett Crest; c1985.-- (Gold Medal).</t>
  </si>
  <si>
    <t>pick your victim / by Pat McGerr.-- Dell; c1946.-- (Dell Book ; 307).</t>
  </si>
  <si>
    <t>The seven deadly sisters / by Pat McGerr.-- Dell; c1947.-- (Dell Book ; 412).</t>
  </si>
  <si>
    <t>Follow as the night / by Pat McGerr.-- Dell; c1950.-- (Dell Book ; 612).</t>
  </si>
  <si>
    <t>Follow as the night / by Patricia McGerr.-- A Macfadden book; 1968.-- (Macfadden book).</t>
  </si>
  <si>
    <t>Is there a traitor in the house? / Patricia McGerr.-- Avon Books; c1964.-- (Avon ; G1283).</t>
  </si>
  <si>
    <t>Goosefoot / Patrick McGinley ; pbk..-- Penguin Books; 1983, c1982.</t>
  </si>
  <si>
    <t>823.91/Ma15</t>
  </si>
  <si>
    <t>Bogmail / Patrick McGinley ; pbk..-- Penguin; 1982.</t>
  </si>
  <si>
    <t>Chicago-7 / by William McGivern.-- Sphere; 1970, c1957.</t>
  </si>
  <si>
    <t>Panic / Helen McCloy.-- Dell; c1944.-- (Dell ; 369).</t>
  </si>
  <si>
    <t>The crooked frame / by William P. McGivern.-- Pocket books; 1953, c1952.-- (Pocket book ; 961).</t>
  </si>
  <si>
    <t>The big heat / William P. McGivern.-- Pocket books; 1954, c1953.-- (Pocket book ; 981).</t>
  </si>
  <si>
    <t>Waterfront cop / William P. McGivern.-- Pocket books; 1956, c1955.-- (Pocket book ; 1105).</t>
  </si>
  <si>
    <t>Night extra / William P. McGivern.-- Pocket books; 1958, c1957.-- (Pocket book ; 1193).</t>
  </si>
  <si>
    <t>Odds against tomorrow  / William P. McGivern.-- Pocket books; 1959, c1957.-- (Cardinal edition ; C-316).</t>
  </si>
  <si>
    <t>The Berlin couriers / James McGovern.-- Pyramid Books; [1961], c1960.-- (A Raven book).</t>
  </si>
  <si>
    <t>24 hours to kill / by James McKimmey.-- Dell Publishing; c1961.-- (A Dell first edition ; B169).</t>
  </si>
  <si>
    <t>Death by bequest / Mary McMullen.-- Penguin; 1978, c1977.</t>
  </si>
  <si>
    <t>813.5/Ma22</t>
  </si>
  <si>
    <t>Death by bequest / Mary McMullen.-- Keyhole Crime; 1981, c1977.</t>
  </si>
  <si>
    <t>A funeral in Eden / by Paul McGuire.-- Penguin Books; 1947.</t>
  </si>
  <si>
    <t>Tokyo doll / by John McPartland.-- Fawcett Publications; c1953.-- (Gold medal books ; 336).</t>
  </si>
  <si>
    <t>813.5/Ma23</t>
  </si>
  <si>
    <t>The crimson madness of Little Doom / Mark McShane.-- Ace Publishing Co.; c1966.</t>
  </si>
  <si>
    <t>823.91/Ma24</t>
  </si>
  <si>
    <t>The singular case of the multiple dead / Mark McShane.-- Ace Publishing Co.; c1969.-- (Ace book ; 76785).</t>
  </si>
  <si>
    <t>Seance on a wet afternoon / by Mark Shane.-- Fawcett Publications; [1965], c1961.-- (Crest bok ; k781).</t>
  </si>
  <si>
    <t>The bright phoenix / Harold Mead.-- Ballantine Books; c1956.-- (Ballantine Books ; 147).</t>
  </si>
  <si>
    <t>823.91/Me11</t>
  </si>
  <si>
    <t>Moby-Dick, or, The whale / Herman Melville ; edited with an introduction and commentary by Harold Beaver.-- Penguin; 1972.-- (Penguin English library).</t>
  </si>
  <si>
    <t>813.3/Me37</t>
  </si>
  <si>
    <t>The chrysanthemum chain / James Melville.-- Methuen Paperbacks; 1981.-- (Magnum books).</t>
  </si>
  <si>
    <t>The shaving of Shagpat / George Meredith ; Introduction by Lin Carter.-- Ballantine Books; c1970.-- (Ballantine books).</t>
  </si>
  <si>
    <t>823.8/Me62</t>
  </si>
  <si>
    <t>The forces of Krill / S. Eric Meretzky.-- Tom Doherty Associates; c1983.-- (Zork ; 1).</t>
  </si>
  <si>
    <t>793.9/Me62</t>
  </si>
  <si>
    <t>Shot in the dark / editted by Judith Merril.-- Bantam Books; c1950.-- (A Bantam book ; 751).</t>
  </si>
  <si>
    <t>808.83/Me67</t>
  </si>
  <si>
    <t>The year's greatest science-fiction and fantasy : stories and novelettes / edited by Judith Merril ; introduction by Orson Welles.-- Dell Publishing Co.; c1956.-- (Dell first edition ; B103).</t>
  </si>
  <si>
    <t>The year's best S-F : 9th annual editon / edited by Judith Merril.-- Dell Publishing Co.; [1965],c1964.-- (Dell book ; 9775).</t>
  </si>
  <si>
    <t>The year's best S-F : 11th annual editon / edited by Judith Merril.-- Dell Publishing Co.; [1967],c1966.-- (Dell book ; 2241).</t>
  </si>
  <si>
    <t>The metal monster / by A. Merritt.-- Avon Publishing Co.; c1951.-- (Avon pocket size books ; 315).</t>
  </si>
  <si>
    <t>813.5/Me67</t>
  </si>
  <si>
    <t>The ship of Ishtar / by A. Merritt.-- Avon Publishing Co.; 1951.-- (Avon pocket size books ; 324).</t>
  </si>
  <si>
    <t>Burn witch burn! / by A. Merritt.-- Avon Publishing Co.; c1951.-- (Avon pocket size books ; 392).</t>
  </si>
  <si>
    <t>The ship of Ishtar / A. Merritt.-- Avon Publishing Co.; [1966].-- (Avon science fiction ; 14092).</t>
  </si>
  <si>
    <t>The moon pool / A. Merritt.-- Crowell-Collier Publishing Co..-- (Science fiction Collier books ; AS103X).</t>
  </si>
  <si>
    <t>A Capitol crime / Lawrence Meyer.-- Penguin; 1979.-- (Penguin crime fiction).</t>
  </si>
  <si>
    <t>813.5/Me95</t>
  </si>
  <si>
    <t>World's greatest puzzles / Jerome Meyer.-- Pyramid Publications, Inc.; c1963.-- (Pyramid books ; R-905).</t>
  </si>
  <si>
    <t>793/Me95</t>
  </si>
  <si>
    <t>The West End horror : a posthumous memoir of John H. Watson, M.D. / as edited by Nicholas Meyer.-- Ballantine Books; 1977, c1976.-- (Ballantine novel ; 25411).</t>
  </si>
  <si>
    <t>The seven-per-cent solution : being a reprint from the reminiscences of John H. Watson, M.D., / as edited by Nicholas Meyer.-- Ballantine Books; [1975], c1974.-- (Ballantine novel ; 24550).</t>
  </si>
  <si>
    <t>The dark on the other side / Barbara Michaels.-- Fawcett Publications; [1972], c1970.-- (A Fawcett crest book ; M1657).</t>
  </si>
  <si>
    <t>813.5/Mi13</t>
  </si>
  <si>
    <t>omeone in the house / Barbara Michaels.-- Berkley Books; 1989, c1981.-- (Berkley novel).</t>
  </si>
  <si>
    <t>Sing a song of murder / by Jan Michaels.-- Kensington Publishing Corp.; 1978.-- (A Zebra mystery puzzler ; 12).</t>
  </si>
  <si>
    <t>Impossible : yet it happened! / by R. Dewitt Miller.-- Ace Books; c1947.-- (Ace Books ; F-137).</t>
  </si>
  <si>
    <t>A stranger in my grave / Margaret Millar.-- Penguin; 1984, c1960.</t>
  </si>
  <si>
    <t>The fiend / Margaret Millar.-- Dell Publishing Co.; c1964.-- (Dell book ; 2504).</t>
  </si>
  <si>
    <t>Beyond this point / Margaret Millar.-- Avon Books; 1974, c1970.</t>
  </si>
  <si>
    <t>Wall of eyes / Margaret Millar.-- Dell Publishing Co.; c1943.-- (Dell book ; 110).</t>
  </si>
  <si>
    <t>How like an angel / by Margaret Millar.-- Dell; c1962.-- (Dell Book ; 3870).</t>
  </si>
  <si>
    <t>Vanish in an instant / by Margaret Millar.-- Dell; c1933.-- (Dell Book ; 730).</t>
  </si>
  <si>
    <t>Murder-queen high / by Bob Wade, Bill Miller.-- Graphic Publications; 1952, c1947.-- (Graphic Book ; 54).</t>
  </si>
  <si>
    <t>813.5/W12</t>
  </si>
  <si>
    <t>The snow leopard / Sigmund Miller.-- Fawcett; c1961.-- (Gold medal books ; s1106).</t>
  </si>
  <si>
    <t>Nightmare cruise / by Wade Miller.-- Ace Books; c1961.-- (An Ace book ; D-518).</t>
  </si>
  <si>
    <t>Sinner take all / Wade Miller.-- Fawcett; c1960.</t>
  </si>
  <si>
    <t>Calamity fair / by Wade Miller.-- New American Library; 1951.-- (A Signet book ; 843).</t>
  </si>
  <si>
    <t>The big guy / Wade Miller.-- Fawcett; 1959, c1953.</t>
  </si>
  <si>
    <t>Uneasy street / by Wade Miller.-- New American Library; c1948.-- (A Signet book ; 1257).</t>
  </si>
  <si>
    <t>The killer / Wade Miller.-- Fawcett; c1951.-- (Gold medal book ; 521).</t>
  </si>
  <si>
    <t>Now we are six / A. A. Milne ; with decorations by E. H. Shepard.-- Methuen Children's Books; c1927.</t>
  </si>
  <si>
    <t>821.91/Mi28</t>
  </si>
  <si>
    <t>When we were very young / A. A. Milne ; with decorations by E. H. Shepard.-- Methuen Children's Books; 1965.-- (Pooh paperbacks).</t>
  </si>
  <si>
    <t>821.91/MI28</t>
  </si>
  <si>
    <t>The red house mystery / A. A. Milne.-- Avon Books; c1922.-- (Avon classic creime collection ; PN223).</t>
  </si>
  <si>
    <t>The Len Deighton companion / Edward Milward-Oliver.-- Grafton; 1987.</t>
  </si>
  <si>
    <t>823.91/D53/m</t>
  </si>
  <si>
    <t>Lud-in-the-mist / Hope Mirrlees ; introduction by Lin Carter.-- Ballantine books; c1970.</t>
  </si>
  <si>
    <t>823.91/Mi49</t>
  </si>
  <si>
    <t>Winking at the brim / by Gladys Mitchell.-- Dell Pub. Co; c1974.-- (Dell Mys).</t>
  </si>
  <si>
    <t>823.91/Mi59</t>
  </si>
  <si>
    <t>Shadows move among them / Edgar Mittelholzer.-- Pocket Book; c1953.-- (Pocket Book ; 918).</t>
  </si>
  <si>
    <t>813.5/Mi66</t>
  </si>
  <si>
    <t>Abra-cadaver / Christopher Monig.-- Dell; c1958.-- (Dell Book ; 0007).</t>
  </si>
  <si>
    <t>813.5/Mo33</t>
  </si>
  <si>
    <t>The man who never was / Ewen Montagu.-- Bantam books; 1964.-- (A bantam book ; J2772).</t>
  </si>
  <si>
    <t>823.91/Mo37</t>
  </si>
  <si>
    <t>Smith and Jones / Nicholas Monsarrat.-- Pocket Books; 1963.-- (Pocket book ; 75221).</t>
  </si>
  <si>
    <t>823.91/Mo36</t>
  </si>
  <si>
    <t>The praying mantises / Hubert Monteilhet ; translated from the french by Richard Howard.-- The New American Library; c1962.-- (Signet Books ; D2308).</t>
  </si>
  <si>
    <t>843.91/Mo38</t>
  </si>
  <si>
    <t>De quelques crimes parfaits / Hubert Monteilhet.-- Denoël; c1969.-- (Le livre de poche).</t>
  </si>
  <si>
    <t>Penny Post / Susan Moody.-- Fawcett; c1985.-- (Gold Medal Books).</t>
  </si>
  <si>
    <t>823.91/Mo13</t>
  </si>
  <si>
    <t>The cornelius chronicles / Michael Moorcock.-- Avon; c1977.</t>
  </si>
  <si>
    <t>823.91/Mo41</t>
  </si>
  <si>
    <t>The doberman wore black / Barbara Moore.-- Dell Publishing; c1983.</t>
  </si>
  <si>
    <t>813.5/Mo43</t>
  </si>
  <si>
    <t>The revolution script / Brian Moore.-- Pocket Book; c1972.-- (Pocket book ; 78304).</t>
  </si>
  <si>
    <t>The green berets / by Robin Moore.-- Avon Books; c1965.-- (Avon ; N128).</t>
  </si>
  <si>
    <t>Killing with kindness / by Anne Morice.-- Keyhole Crime; c1974.-- (Keyhole Crime ; 6).</t>
  </si>
  <si>
    <t>823.91/Mo46</t>
  </si>
  <si>
    <t>Murder in outline / Anne Morice.-- Bantam Books; 1986, c1979.-- (Bantam books ; mystery).</t>
  </si>
  <si>
    <t>Murder post-dated / Anne Morice.-- Bantam Books; 1986, c1983.-- (Bantam books ; mystery).</t>
  </si>
  <si>
    <t>The well at the world's end : a tale / by William Morris ; introduction by Lin Carter ; v. 1, v. 2.-- Ballantine Books; c1970.-- (Ballantine books adult fantasy edtions).</t>
  </si>
  <si>
    <t>823.8/Mo46/1</t>
  </si>
  <si>
    <t>823.8/Mo46/2</t>
  </si>
  <si>
    <t>The water of the Wondrous Isles / William Morris ; introduction by Lin Carter.-- Ballantine Books; c1971.-- (Ballantine books adult fantasy edtions).</t>
  </si>
  <si>
    <t>823.8/Mo46</t>
  </si>
  <si>
    <t>The wood beyond the world / William Morris.-- Ballantine Books; c1969.-- (Ballantine books adult fantasy).</t>
  </si>
  <si>
    <t>The wood beyond the world / William Morris ; Introduction by Lin Carter.-- Ballantine Books; c1973.-- (Ballantine books adult fantasy).</t>
  </si>
  <si>
    <t>William Morris : selected writings and designs / edited with an introduction by Asa Briggs ; with a supplement by Graeme Shankland on William Morris, designer ; pbk.-- Penguin; c1962.-- (Pelican books).</t>
  </si>
  <si>
    <t>709/Mo46/b</t>
  </si>
  <si>
    <t>The mummy case mystery / Dermot Morrah.-- Harper &amp; Row, Publishiers; 1988.</t>
  </si>
  <si>
    <t>Horrors unseen / edited by Sam Moskowitz.-- Berkley Publishing Corp.; 1974.-- (A Berkley medallion book).</t>
  </si>
  <si>
    <t>813.087/Mo81</t>
  </si>
  <si>
    <t>The coconut killings / Patricia Moyes.-- Penguin; 1979, c1977.-- (Penguin crime fiction).</t>
  </si>
  <si>
    <t>823.91/Mo97</t>
  </si>
  <si>
    <t>Down among the dead men / Patricia Moyes.-- Dell Publishing Co.; [1982], 1961.-- (A Dell book ; 11627).</t>
  </si>
  <si>
    <t>Johnny under ground / Patricia Moyes.-- Dell Publishing Co.; [1983], 1965.-- (A Dell book ; 14211).</t>
  </si>
  <si>
    <t>Havoc / by A. L. Muir and Harry Wall.-- The Readers Library Publishing Co.; 19--.-- (The Readers Library film edition).</t>
  </si>
  <si>
    <t>823.91/Mu22</t>
  </si>
  <si>
    <t>Merlin's ring / H. Warner Munn.-- Ballantine Books; c1974.-- (Ballantine fantasy ; 24010).</t>
  </si>
  <si>
    <t>813.5/Mu34</t>
  </si>
  <si>
    <t>The man who sold death / James Munro.-- Bantam Books; 1966, c1965.-- (Bantam books ; S3168).</t>
  </si>
  <si>
    <t>823.91/Mu35</t>
  </si>
  <si>
    <t>Die rich, die happy / by James Munro.-- Bantam Books; 1967, c1965.-- (Bantam books ; S3401).</t>
  </si>
  <si>
    <t>The money that money can't buy / by James Munro.-- Bantam Books; 1969, c1967.-- (Bantam books ; S3985).</t>
  </si>
  <si>
    <t>Under the net : a novel / by Iris Murdoch.-- Penguin; 1960, c1965.-- (A Penguin book ; 1445).</t>
  </si>
  <si>
    <t>823.91/Mu66</t>
  </si>
  <si>
    <t>Rebellion 2456 / M.S. Murdock.-- TSR, Inc.; [1989].</t>
  </si>
  <si>
    <t>813.5/Mu66</t>
  </si>
  <si>
    <t>Remo : the adventure begins-- : a novel / by Warren Murphy and Richard Sapir.-- New American Library; c1985.-- (A Signet book ; AE3908).</t>
  </si>
  <si>
    <t>813.5/Mu78</t>
  </si>
  <si>
    <t>The king and the corpse / Max Murray.-- Penguin; 1957.-- (Penguin books ; 1177).</t>
  </si>
  <si>
    <t>823.91/Mu79</t>
  </si>
  <si>
    <t>The voice of the corpse / by Max Murray.-- Bantam Books; 1948, c1947.</t>
  </si>
  <si>
    <t>Maze puzzles / The Diagram Group ; pbk..-- Ballantine Books; 1983.-- (Puzzles ; #1).</t>
  </si>
  <si>
    <t>793.9/Th2</t>
  </si>
  <si>
    <t>Kishi : buku kedua trilogi / Marga T.-- Gramedia; 1986.</t>
  </si>
  <si>
    <t>899.2/Ma51</t>
  </si>
  <si>
    <t>Misteri pembunuhan di usaha Tando / S. Mara Gd.-- Gramedia; 1986.</t>
  </si>
  <si>
    <t>The murder book : an illustrated history of the detective story / Tage la Cour and Harald Mogensen; translated from Danish by Roy Duffell.-- George Allen and Unwin; 1971.</t>
  </si>
  <si>
    <t>809.387/L11</t>
  </si>
  <si>
    <t>Who's who in spy fiction / Donald McCormick.-- Taplinger; c1977.</t>
  </si>
  <si>
    <t>809.387/Ma13</t>
  </si>
  <si>
    <t>The Mystery scene reader.-- Fedora Inc; c1987.</t>
  </si>
  <si>
    <t>809.387/Ma14</t>
  </si>
  <si>
    <t>The maze / Philip MacDonald ; selected and introduced by Julian Symons.-- The crime club by collins; 1936.</t>
  </si>
  <si>
    <t>The link / by Phillip MacDonald.-- Published for The Crime Club. by Collins; 1930.</t>
  </si>
  <si>
    <t>Warrant for X / Philip MacDonald.-- Published for The Crime Club, Inc. by Doubleday , Doran &amp;  Co.; c1938.</t>
  </si>
  <si>
    <t>Warrant for X / Philip MacDonald.-- Doubleday &amp; Company, Ink.; c1938.</t>
  </si>
  <si>
    <t>Guest in the house / Philip MacDonald.-- Herbert Jenkins; 1956.</t>
  </si>
  <si>
    <t>Likeness of exe / Philip Macdonald.-- W. Collins Sons; 19--.</t>
  </si>
  <si>
    <t>The rasp / by Philip MacDonald.-- Dover Publications; 1979.-- (Dover mystery, detective, and other fiction).</t>
  </si>
  <si>
    <t>Ross Macdonald / by Matthew J. Bruccoli ; : pbk..-- Harcourt Brace Jovanovich; c1984.-- (HBJ album biographies).</t>
  </si>
  <si>
    <t>813.5/Ma14/b</t>
  </si>
  <si>
    <t>Ross Macdonald/Kenneth Millar : a descriptive bibliography / Matthew J. Bruccoli.-- University of Pittsburgh Press; 1983.-- (Pittsburgh series in bibliography).</t>
  </si>
  <si>
    <t>Self-portrait, ceaselessly into the past / Ross Macdonald ; foreword by Eudora Welty ; edited and with an afterword by Ralph B. Sipper ; pbk..-- 1st ed.-- Capra Press; 1981.</t>
  </si>
  <si>
    <t>Ross Macdonald's Lew Archer, private investigator / Ross MacDonald ; lim. ed.-- Mysterious Press; 1977.</t>
  </si>
  <si>
    <t>Ross Macdonald / by Jerry Speir ; pbk..-- F. Ungar Pub. Co.; c1978.-- (Recognitions).</t>
  </si>
  <si>
    <t>Archer at large / by Ross Macdonald. With a foreword by the author.-- Knopf; 1970.</t>
  </si>
  <si>
    <t>Force 10 from Navarone / Alistair MacLean.-- 大同圖書有限公司; 1969, c1968.</t>
  </si>
  <si>
    <t>823.91/Ma21</t>
  </si>
  <si>
    <t>Vane pursuit : a Peter Shandy mystery / Charlotte MacLeod.-- Mysterious Press; c1989.</t>
  </si>
  <si>
    <t>Tough guy writers of the thirties / [ed. by David Madden].-- Southern Illinois University Press; c1968.</t>
  </si>
  <si>
    <t>809.387/Ma25</t>
  </si>
  <si>
    <t>Black plume : the suppressed memoirs of Edgar Allan Poe / David Madsen.-- Simon and Schuster; c1980.</t>
  </si>
  <si>
    <t>813.5/Ma25</t>
  </si>
  <si>
    <t>A critical history of children's literature : a survey of children's books in English, prepared in four parts under the editorship of Cornelia Meigs / by Cornelia Meigs ... [et al.] ; decorations by Vera Bock.-- Rev. ed.-- Macmillan; c1969.</t>
  </si>
  <si>
    <t>820.9/C92</t>
  </si>
  <si>
    <t>The wind between the stars / by Margaret Mahy ; pictures by Brian Froud.-- J.M. Dent &amp; Sons; 1976.</t>
  </si>
  <si>
    <t>741.5/Ma29</t>
  </si>
  <si>
    <t>Mallowan's memoirs / Max Mallowan.-- Collins; 1977.</t>
  </si>
  <si>
    <t>925/Ma39</t>
  </si>
  <si>
    <t>The death of a president : November 20-November 25, 1963 / by William Manchester.-- Harper &amp; Row; c1967.</t>
  </si>
  <si>
    <t>973.922/Ma43</t>
  </si>
  <si>
    <t>The Haunted dolls : an anthology / selected by Seon Manley and Gogo Lewis ; Prebound, Trade.-- Doubleday; c1980.</t>
  </si>
  <si>
    <t>823.087/Ma44</t>
  </si>
  <si>
    <t>Deadlier than the male : an investigation into feminine crime writing / Jessica Mann.-- David &amp; Charles; c1981.</t>
  </si>
  <si>
    <t>823.0872/Ma45</t>
  </si>
  <si>
    <t>Burnt offerings / by Robert Marasco.-- Delacorte Press; c1973.</t>
  </si>
  <si>
    <t>Which way did he go? : the private eye in Dashiell Hammett, Raymond Chandler, Chester Himes, and Ross Macdonald / Edward Margolies ; : pbk.-- Holmes &amp; Meier; c1982.</t>
  </si>
  <si>
    <t>813.0872/Ma51</t>
  </si>
  <si>
    <t>That nice Miss Smith / by Nigel Morland ; : pbk.-- Souvenir Press; c1988.</t>
  </si>
  <si>
    <t>364.1/Mo74</t>
  </si>
  <si>
    <t>The late George Apley : a nobel in the form of a memoir / by John Phillips Marquand.-- Time Inc.; c1937.-- (Time reading program special edition).</t>
  </si>
  <si>
    <t>The beetle / Richard Marsh.-- Arno Press; 1976.-- (Supernatural &amp; occult fiction ;  [41]).</t>
  </si>
  <si>
    <t>823.8/Ma52</t>
  </si>
  <si>
    <t>Clutch of constables / Ngaio Marsh.-- Little brown and companhy; c1969.</t>
  </si>
  <si>
    <t>Stopover, Tokyo / John P. Marquand.-- Little, Brown; c1956.</t>
  </si>
  <si>
    <t>No other tiger / by A.E.W. Mason.-- George H. Doran; c1927.</t>
  </si>
  <si>
    <t>The case of the four friends : a diversion in predection / J. C. Masterman.-- Hodder and Stoughton.</t>
  </si>
  <si>
    <t>An Oxford tragedy / by J.C. Masterman ; pbk..-- Dover Publications; 1981.</t>
  </si>
  <si>
    <t>Nightrunners of Bengal : a novel / by John Masters.-- Viking Press; 1951.</t>
  </si>
  <si>
    <t>All she was worth / Miyuki Miyabe ; translated by Alfred Birnbaum ; : pbk, : pbk.-- Kodansha International; c1996.</t>
  </si>
  <si>
    <t>895.63/Mi71</t>
  </si>
  <si>
    <t>Café turc et croissant fertile / Colette Modiano.-- La Table ronde; c1974.</t>
  </si>
  <si>
    <t>956/Mo13</t>
  </si>
  <si>
    <t>Skin trap / by William Mole.-- Eyre &amp; Spottiswoode; 1957.</t>
  </si>
  <si>
    <t>823.91/Mo22</t>
  </si>
  <si>
    <t>Goodbye is not worthwhile / by William Mole.-- Eyre &amp; Spottiswoode; 1956.</t>
  </si>
  <si>
    <t>Smiley's circus : a guide to the secret world of John le Carré / David Monaghan.-- Orbis; 1986.</t>
  </si>
  <si>
    <t>Murder at the Frankfurt book fair : a wicked, witty novel about the publishing of an international bestseller / Hubert Monteilhet ; translated from the French by Barbara Bray.-- 1st ed.-- Doubleday; 1976.</t>
  </si>
  <si>
    <t>Seekers of tomorrow : masters of science fiction / by Sam Moskowitz.-- World Publishing Co.; c1966.</t>
  </si>
  <si>
    <t>809.387/Mo81</t>
  </si>
  <si>
    <t>Death and the Dutch uncle / by Patricia Moyes.-- Published for the Crime Club by Collins; c1968.</t>
  </si>
  <si>
    <t>Black widower / Patricia Moyes.-- The Crime Club [by] Collins; c1975.</t>
  </si>
  <si>
    <t>The Web she weaves : an anthology of mystery and suspense stories by women / edited by Marcia Muller &amp; Bill Pronzini.-- Morrow; 1983.</t>
  </si>
  <si>
    <t>809.387/Mu29</t>
  </si>
  <si>
    <t>Erle Stanley Gardner : a checklist / by E. H. Mundell.-- Kent State University Press; c1968.-- (The Serif series ; no. 6).</t>
  </si>
  <si>
    <t>813.5/G22/m</t>
  </si>
  <si>
    <t>The development of the detective novel / A. E. Murch.-- Greenwood Press; [1968], c1958.</t>
  </si>
  <si>
    <t>The Penguin guide to ancient Egypt / William J. Murnane ; pbk..-- Penguin; 1983.-- (A Penguin handbook).</t>
  </si>
  <si>
    <t>916/Mu68</t>
  </si>
  <si>
    <t>The adventures of a little girl; or, The private letters from Phyllis to Marie  / by P. Murry.-- Odalisque Press; [1952].</t>
  </si>
  <si>
    <t>The voice of the corpse / by Max Murray.-- Dover Publications; 1985.</t>
  </si>
  <si>
    <t>Mystery writer's handbook / by the Mystery Writers of America.-- Newly revised ed..-- Writer's Digest; c1976.</t>
  </si>
  <si>
    <t>808.3/My</t>
  </si>
  <si>
    <t>The Mystery story / John Ball, editor ... [et al.].-- University Extension, University of California; c1976.-- (The Mystery library).</t>
  </si>
  <si>
    <t>813.0872/B16</t>
  </si>
  <si>
    <t>Supernatural cats : an anthology / edited by Claire Necker.-- Warner Books Inc.; c1972.-- (Warner Paperback Library ; 59-370).</t>
  </si>
  <si>
    <t>808.83/N61</t>
  </si>
  <si>
    <t>Death of a Dutchman / Magdalen Nabb ; pbk.-- Fontana; 1983, c1982.</t>
  </si>
  <si>
    <t>823.91/N11</t>
  </si>
  <si>
    <t>Unhallowed murder / Simon Nash ; pbk..-- Harper &amp; Row; 1985, c1966.-- (Perennial Library).</t>
  </si>
  <si>
    <t>823.91/N55</t>
  </si>
  <si>
    <t>Murder of a nymph / Margot Neville.-- Pocket Books; 1951, c1949.-- (Pocket book ; 829).</t>
  </si>
  <si>
    <t>823.91/N67</t>
  </si>
  <si>
    <t>The men from Pretoria / Hilary Ngʼweno.-- Longman; 1975.</t>
  </si>
  <si>
    <t>823.91/N69</t>
  </si>
  <si>
    <t>Father figure / Beverley Nichols.-- Pocket Books; 1973.</t>
  </si>
  <si>
    <t>823.91/N71/n</t>
  </si>
  <si>
    <t>Dead on the level : Gold Coast nocturne / Helen Nielsen.-- Dell Publishing Co.; c1951.-- (Dell book ; 747).</t>
  </si>
  <si>
    <t>813.5/N71</t>
  </si>
  <si>
    <t>Obit delayed / by Helen Nielsen.-- Dell Publishing Co.; c1952.-- (Dell book ; 806).</t>
  </si>
  <si>
    <t>The woman on the roof / by Helen Nielsen.-- Dell Publishing Co.; c1954.-- (Dell book ; 900).</t>
  </si>
  <si>
    <t>The paperback conspiracy / National Lampoon.-- Warner Books; c1974.-- (Warner paperback library ; 76-430).</t>
  </si>
  <si>
    <t>813.5/N57</t>
  </si>
  <si>
    <t>Few die well / Sterling Noel.-- Avon Publications, Ink.; c1953.-- (Avon books ; 719).</t>
  </si>
  <si>
    <t>813.5/N92</t>
  </si>
  <si>
    <t>Intrigue in Paris / Sterling Noel.-- Avon Publications, Ink.; c1955.-- (Avon books ; T159).</t>
  </si>
  <si>
    <t>Peloton d'exécution 1944 / Pierre Nord.-- Fayard; [1970],c1952.-- (Le Livre de poche ; 2768).</t>
  </si>
  <si>
    <t>843.91/N96</t>
  </si>
  <si>
    <t>Rendez-vous à Jérusalem / Pierre Nord.-- Fayard; [1971],c1968.-- (Le Livre de poche ; 3109).</t>
  </si>
  <si>
    <t>L'espion de la 1re paix mondiale / Pierre Nord.-- Fayard; [1971], c1965.-- (Le Livre de poche ; 3179).</t>
  </si>
  <si>
    <t>Chasse couplée au Caire / Pierre Nord.-- Fayard; [1972], c1962.-- (Le Livre de poche ; 3444).</t>
  </si>
  <si>
    <t>L'espion de prague  / Pierre Nord.-- Fayard; [1973], c1957.-- (Le Livre de poche ; 3532).</t>
  </si>
  <si>
    <t>Kill me in Yoshiwara / Earl Norman.-- Berkley Publishing Co.; c1961.-- (Berkley Medallion Book ; G502).</t>
  </si>
  <si>
    <t>813.5/N96</t>
  </si>
  <si>
    <t>So rich, so lovely, and so dead : a Scott Jordan story / Harold Q. Masur.-- Simon and Schuster; 1952.-- (An Inner sanctum mystery).</t>
  </si>
  <si>
    <t>Königsmark / by A.E.W. Mason.-- 3rd ed.-- Hodder &amp; Stoughton; 1938.</t>
  </si>
  <si>
    <t>Badge of evil / Whit Masterson.-- Dodd, Mead; c1956.-- (Red badge detective).</t>
  </si>
  <si>
    <t>Dead, she was beautiful / Whit Masterson.-- Dodd, Mead &amp; Co.; c1955.</t>
  </si>
  <si>
    <t>A shadow in the wild / Whit Masterson.-- W.H.Allen; c1957.</t>
  </si>
  <si>
    <t>The devil and Ben Franklin / Theodore Mathieson.-- Simon and Schuster; c1961.-- (An Inner sanctum mystery).</t>
  </si>
  <si>
    <t>813.5/Ma72</t>
  </si>
  <si>
    <t>Points and lines / Seicho Matsumoto ; translated by Makiko Yamamoto and Paul C. Blum ; : ja.-- Kodansha International; 1970.-- (Japan's mystery writers).</t>
  </si>
  <si>
    <t>895.65/Ma81</t>
  </si>
  <si>
    <t>One of us is a murderer / Alan Le May.-- Pub. for The Crime Club, Inc., by Doubleday, Doran &amp; Company, Inc.; c1930.</t>
  </si>
  <si>
    <t>The face on the cutting-room floor / Cameron McCabe ; with a new introduction by the editors of Gregg Press with Ernest Borneman.-- Gregg Press; 1981.-- (Gregg Press mystery fiction series).</t>
  </si>
  <si>
    <t>The face on the cutting-room floor / Cameron McCabe.-- Penguin; 1986.-- (Penguin classic crime).</t>
  </si>
  <si>
    <t>The long body / Helen McCloy.-- Joseph W. Ferman; c1955.</t>
  </si>
  <si>
    <t>He never came back / by Helen McCloy. Dead Reckonig / by Lee Thayer. The Benevent treagsure / by Patricia Wentworth.-- Detective Book Club by Walter J. Black; c1954.</t>
  </si>
  <si>
    <t>Mr Splitfoot / Helen McCloy.-- Constable; 1986, c1969.</t>
  </si>
  <si>
    <t>The steam pig / James McClure.-- Gollancz; 1972.</t>
  </si>
  <si>
    <t>The caterpillar cop / James McClure.-- Gollancz; 1972.</t>
  </si>
  <si>
    <t>The Riviera puzzle / by Vincent McConnor.-- Macmillan; c1981.</t>
  </si>
  <si>
    <t>The Paris puzzle / by Vincent McConnor.-- Macmillan; c1981.</t>
  </si>
  <si>
    <t>Bulldog Drummond / by Cyril McNeile.-- Hodder &amp; Stoughton; 19--.</t>
  </si>
  <si>
    <t>823.91/Sa68</t>
  </si>
  <si>
    <t>See no evil / by Finlay McDermid.-- Simon and Schuster; c1959.</t>
  </si>
  <si>
    <t>A dictionary of monsters and mysterious beasts / Carey Miller ; illustrated by Mary I. French.-- Pan Books; c1974.-- (Piccolo original).</t>
  </si>
  <si>
    <t>001/Mi27</t>
  </si>
  <si>
    <t>Very cold for May / by William P. McGivern.-- Penguin; 1987, c1950.-- (Penguin classic crime).</t>
  </si>
  <si>
    <t>The crimson madness of little doom / by Mark McShane.-- Robert Hale; 1967, c1966.</t>
  </si>
  <si>
    <t>Night's evil / by Mark McShane.-- Robert Hale; 1966.</t>
  </si>
  <si>
    <t>The wages of Zen / James Melville.-- Secker and Warburg; 1979.</t>
  </si>
  <si>
    <t>823.91/Me37</t>
  </si>
  <si>
    <t>The chrysanthemum chain / James Melville.-- Secker and Warburg; 1980.</t>
  </si>
  <si>
    <t>The ninth netsuke / James Melville.-- Secker &amp; Warburg; 1982.</t>
  </si>
  <si>
    <t>A sort of Samurai / James Melville.-- Secker &amp; Warburg; 1981.</t>
  </si>
  <si>
    <t>A new kind of killer / by Jennie Melville.-- David McKay; 1971, c1970.</t>
  </si>
  <si>
    <t>The subject is murder : a selective subject guide to mystery fiction / Albert J. Menendez ; alk. paper : [v. 1], alk. paper : v. 2.-- Garland Pub.; 1986-1990.-- (Garland reference library of the humanities ; vol. 627, 1060).</t>
  </si>
  <si>
    <t>809.387/Me46</t>
  </si>
  <si>
    <t>Anatomy of the spy thriller / Bruce Merry.-- McGill-Queen's University Press; 1977.</t>
  </si>
  <si>
    <t>823.91/Me67</t>
  </si>
  <si>
    <t>The West End horror : a posthumous memoir of John H. Watson, M.D. / as edited by Nicholas Meyer.-- E. P. Dutton; c1976.</t>
  </si>
  <si>
    <t>Crime, detective, espionage, mystery, and thriller fiction &amp; film : a comprehensive bibliography of critical writing through 1979 / compiled by David Skene Melvin and Ann Skene Melvin.-- Greenwood Press; 1980.</t>
  </si>
  <si>
    <t>809.387/Me37</t>
  </si>
  <si>
    <t>The Red House mystery / A.A. Milne.-- Large print ed.-- Lythway Press; 1977.</t>
  </si>
  <si>
    <t>The gas war of 1940 / by "Miles".-- Eric Partridge at the Scholartis Press; 1931.</t>
  </si>
  <si>
    <t>823.91/Mi26</t>
  </si>
  <si>
    <t>Dark Piper / by Andre Norton.-- Ace Publishing; c1968.</t>
  </si>
  <si>
    <t>Barefoot Gen : the day after : a cartoon story of Hiroshima / Keiji Nakazawa ; translated by Dadakai and Project Gen.-- Penguin; 1990.</t>
  </si>
  <si>
    <t>741.5/N46</t>
  </si>
  <si>
    <t>The golden summer / by Daniel Nathan.-- Little, Brown and company; c1953.</t>
  </si>
  <si>
    <t>Murder in a blue moon / Margot Neville.-- Doubleday; 1949.</t>
  </si>
  <si>
    <t>The problem of "Edwin Drood" : a study in the methods of Dickens / W. Robertson Nicoll.-- Haskell House Publishers; 1972.</t>
  </si>
  <si>
    <t>823.8/D72/n</t>
  </si>
  <si>
    <t>Silk stalkings : when women write of murder : a survey of series characters created by women authors in crime and mystery fiction / Victoria Nichols, Susan Thompson ; pbk..-- Black Lizard Books; 1988.</t>
  </si>
  <si>
    <t>809.387/N71</t>
  </si>
  <si>
    <t>An unsuccessful man / Torben Nielsen ; translated from the Danish by Marianne Helweg.-- Harper &amp; Row; c1976.</t>
  </si>
  <si>
    <t>839.8/N71</t>
  </si>
  <si>
    <t>L'automne de Bucarest / Pierre Nord.-- Librairie des Champs-Élysées; c1973.</t>
  </si>
  <si>
    <t>The genteel murderer / Charles Norman.-- Macmillan; 1956.</t>
  </si>
  <si>
    <t>920/W15/n</t>
  </si>
  <si>
    <t>The haunted wilderness : the gothic and grotesque in Canadian fiction / Margot Northey ; : pbk.-- University of Toronto Press; c1976.</t>
  </si>
  <si>
    <t>813.087/N96</t>
  </si>
  <si>
    <t>The unembarrassed muse : the popular arts in America / by Russel Nye.-- Dial Press; 1970.-- (Two centuries of American life).</t>
  </si>
  <si>
    <t>917.3/N99</t>
  </si>
  <si>
    <t>Pieces of Modesty / Peter O'Donnell.-- Pan Books; 1972.</t>
  </si>
  <si>
    <t>823.91/O11</t>
  </si>
  <si>
    <t>Repeat performance / William O'Farrell.-- International Polygonics; c1987.</t>
  </si>
  <si>
    <t>813.5/O11</t>
  </si>
  <si>
    <t>High drive / by Frank O'Rourke.-- Bantam Books; 1955, c1954.-- (A Bantam mystery ; 1344).</t>
  </si>
  <si>
    <t>I die possessed / J. B. O'Sullivan.-- Pocket Books; 1955.-- (Pocket Book ; 1055).</t>
  </si>
  <si>
    <t>The bridge at Chappaquiddick / by Jack Olsen.-- Ace Books; c1970.</t>
  </si>
  <si>
    <t>974.4/O59</t>
  </si>
  <si>
    <t>The great prince shan / E. Phillips Oppenheim.-- Pocket Book; 1940.-- (Pocket Book ; 54).</t>
  </si>
  <si>
    <t>823.91/O69</t>
  </si>
  <si>
    <t>The great impersonation / by E. Phillips Oppenheim.-- Pocket Books; 1943.-- (Pocket book ; no. 224).</t>
  </si>
  <si>
    <t>A murder to make you grow up little girl / by Laurence Oriol.-- Dell Publishing; c1968.-- (A Dell Book ; 6095).</t>
  </si>
  <si>
    <t>843.91/O71</t>
  </si>
  <si>
    <t>James Bond in Barracuda run / Steven Otfinoski.-- Ballantine Books; c1985.-- (Young Adult).</t>
  </si>
  <si>
    <t>813.5/O85</t>
  </si>
  <si>
    <t>The dummy murder case / Milton K. Ozaki.-- Graphic Publishing; c1951.-- (Graphic Books).</t>
  </si>
  <si>
    <t>813.5/O96</t>
  </si>
  <si>
    <t>The phone calls / Lillian O'Donnell.-- Dell; c1972.-- (Dell Book ; 7209).</t>
  </si>
  <si>
    <t>Advice limited / by E. Phillips Oppenheim.-- Hodder And Stoughton; 1935.</t>
  </si>
  <si>
    <t>Scapegoat : a mystery / Poul Ørum ; translated from the Danish by Kenneth Barclay.-- Pantheon Books; c1975.</t>
  </si>
  <si>
    <t>839.8/O71</t>
  </si>
  <si>
    <t>The old man in the corner : twelve classic detective stories / Baroness Orczy ; introduction by E.F. Bleiler ; pbk..-- Dover Publications; c1980.</t>
  </si>
  <si>
    <t>Pimpernel and Rosemary / by Baroness Orczy.-- Leipzig Bernhard Tauchnitz; 1924.</t>
  </si>
  <si>
    <t>Hardboiled America : the lurid years of paperbacks / Geoffrey O'Brien.-- Van Nostrand Reinhold; c1981.</t>
  </si>
  <si>
    <t>813.087/O11</t>
  </si>
  <si>
    <t>The cave of time / by Edward Packard.-- Bantam; c1979.-- (A Bantam Books).</t>
  </si>
  <si>
    <t>793/P12</t>
  </si>
  <si>
    <t>The mystery of chimney rock / by Edward Packard.-- Bantam; c1979.-- (A Bantam Books).</t>
  </si>
  <si>
    <t>Death after breakfast / Hugh Pentecost.-- Dell Publishing Co.; c1978.-- (A Dell Book ; 11687).</t>
  </si>
  <si>
    <t>813.5/P38</t>
  </si>
  <si>
    <t>The cannibal who overate / Hugh Pentecost.-- Pyramid Boks; 1972.-- (Pyramid mystery).</t>
  </si>
  <si>
    <t>Crocodile crocodile / Peter Nickl, Binette Schroeder.-- L'école des loisirs; c1976.</t>
  </si>
  <si>
    <t>741.5/N71</t>
  </si>
  <si>
    <t>Grey star the wizard / written by Ian Page ; edited by Joe Dever ; illustrated by Paul Bonner ; pbk.-- Beaver; 1985.</t>
  </si>
  <si>
    <t>793.9/P15</t>
  </si>
  <si>
    <t>The complete book of magic and witchcraft / Kathryn Paulsen.-- New American Library; c1970.-- (A signet mystery book ; Q4352).</t>
  </si>
  <si>
    <t>133.43/P28</t>
  </si>
  <si>
    <t>Your code name is Jonah / Edward Packard ; illustrated by Paul Granger.-- Bantam Books; c1979.-- (Choose your own adventure ; 6).</t>
  </si>
  <si>
    <t>793.9/P12</t>
  </si>
  <si>
    <t>The third planet from Altair / by Edward Packard ; illustrated by Paul Granger.-- Bantam Books; 1980.-- (Choose your own adventure ; 7).</t>
  </si>
  <si>
    <t>Deadwood City / by Edward Packard ; illustrated by Paul Granger.-- Bantam Books; 1980.-- (Choose your own adventure ; 8).</t>
  </si>
  <si>
    <t>Saberlegs / Eric Pace.-- Penguin; 1974, c1970.-- (Penguin books ; . Crime).</t>
  </si>
  <si>
    <t>823.91/P11</t>
  </si>
  <si>
    <t>A fortnight by the sea / Emma Page.-- Penguin; 1976, c1973.-- (Penguin crime fiction).</t>
  </si>
  <si>
    <t>823.91/P15</t>
  </si>
  <si>
    <t>The man who stole the Mona Lisa / Martin Page ; pbk.-- Pantheon Books; c1984.</t>
  </si>
  <si>
    <t>Fast company / Marco Page.-- Pocket Books; 1943, c1938.-- (Pocket books ; 222).</t>
  </si>
  <si>
    <t>The penguin pool murder / Stuart Palmer.-- Bantam Books; 1986, c1931.-- (Bantam books ; mystery).</t>
  </si>
  <si>
    <t>813.5/P18</t>
  </si>
  <si>
    <t>Rook takes knight / Stuart Palmer.-- Pyramid Books; 1970, c1968.-- (Pyramid mystery ; T2304).</t>
  </si>
  <si>
    <t>Orion was rising / by Rose Palmer.-- New American Library; c1970.-- (A Signet book ; T4245).</t>
  </si>
  <si>
    <t>The pleasuring of Rory Malone / Charles Panati.-- Berkley Publishing Group; 1986, c1982.-- (Charter books).</t>
  </si>
  <si>
    <t>813.5/P21</t>
  </si>
  <si>
    <t>The Godwulf manuscript / Robert B. Parker.-- Penguin; 1976, c1973.-- (Penguin crime fiction).</t>
  </si>
  <si>
    <t>813.5/P24</t>
  </si>
  <si>
    <t>Wicked, loving murder / Orania Papazoglou ; pbk..-- Penguin Books; 1986, c1985.</t>
  </si>
  <si>
    <t>813.5/P22</t>
  </si>
  <si>
    <t>The outside man : a novel / by Richard North Patterson.-- Ballentine Books; 1982.-- (Ballantine books ; mystery).</t>
  </si>
  <si>
    <t>813.5/P27</t>
  </si>
  <si>
    <t>The Smashers  / Hugo Paul.-- Lancer Books; c1965.-- (Lancer books ; 72-936).</t>
  </si>
  <si>
    <t>A child is missing / Charlotte Paul.-- Mayflower Books; 1979.</t>
  </si>
  <si>
    <t>The nose on my face / Laurence Payne.-- Penguin; 1964, c1961.-- (Penguin crime ; C2111).</t>
  </si>
  <si>
    <t>823.91/P29</t>
  </si>
  <si>
    <t>Too small for his shoes / Laurence Payne.-- Penguin; 1966, c1962.-- (Penguin crime ; C2465).</t>
  </si>
  <si>
    <t>Titus Groan / by Mervyn Peake.-- [Rev. ed.].-- Ballantine Books; c1968.-- (The Gormenghast trilogy ; 1).</t>
  </si>
  <si>
    <t>823.91/P31</t>
  </si>
  <si>
    <t>Gormenghast / by Mervyn Peake.-- [Rev. ed.].-- Ballantine Books; c1968.-- (The Gormenghast trilogy ; 2).</t>
  </si>
  <si>
    <t>Titus alone / by Mervyn Peake.-- Ballantine Books; c1968.-- (The Gormenghast trilogy ; 3).</t>
  </si>
  <si>
    <t>Chamiel /  by Edward Pearson.-- Pocket Books; 1974, c1973.</t>
  </si>
  <si>
    <t>The adventures of Sherlock Holmes' smarter brother : a novel / by Gilbert Pearlman, from the screenplay by Gene Wilder.-- Ballantine Books; c1975.-- (Ballantine ; novel 24671).</t>
  </si>
  <si>
    <t>Lives of destiny : as told for the Reader's digest / by Donald Culross Peattie.-- New American Library; 1954.-- (Signet key books ; K306).</t>
  </si>
  <si>
    <t>920/P32</t>
  </si>
  <si>
    <t>The executioner : Jersey guns / Don Pendleton ; pbk.-- Pinnacle Books; c1974.-- (Executioner ; 17).</t>
  </si>
  <si>
    <t>The executioner : Texas storm / Don Pendleton ; pbk.-- Pinnacle Books; c1974.-- (Executioner ; 18).</t>
  </si>
  <si>
    <t>The executioner : Detroit deathwatch  / Don Pendleton ; pbk.-- Pinnacle Books; c1974.-- (Executioner ; 19).</t>
  </si>
  <si>
    <t>The executioner : nightmare in New York / Don Pendleton ; pbk.-- Corgi Books; c1973.</t>
  </si>
  <si>
    <t>The executioner : continental contract / by Don Pendleton.-- Pinnacle Books; c1971.-- (Pinnacle Books ; P017-N).</t>
  </si>
  <si>
    <t>Stag dinner death / John Penn.-- Bantam Books; 1985, c1983.-- (A Bantam book ; 25410-3).</t>
  </si>
  <si>
    <t>823.91/P38</t>
  </si>
  <si>
    <t>An ad for murder / John Penn.-- Bantam Books; 1985, c1982.-- (A Bantam book ; 25409-x).</t>
  </si>
  <si>
    <t>The executioner : Sicilian slaughter / by Jim Peterson.-- Pinnacle Books; c1973.-- (Pinnacle Books fiction mystery ; 16).</t>
  </si>
  <si>
    <t>813.5/P45</t>
  </si>
  <si>
    <t>This prize is dangerous / Matthew Prize with Otto Penzler.-- W.H. Allen; 1985.-- (A Star book).</t>
  </si>
  <si>
    <t>813.5/P93</t>
  </si>
  <si>
    <t>Bluegate fields / Anne Perry.-- Fawcett Crest; c1984.-- (A Fawcett Crest books).</t>
  </si>
  <si>
    <t>823.91/P42</t>
  </si>
  <si>
    <t>The murders of Richard III / Elizabeth Peters.-- Mysterious Press; c1974.</t>
  </si>
  <si>
    <t>City of gold and shadows / Ellis Peters.-- Panther; 1975.</t>
  </si>
  <si>
    <t>823.91/P45</t>
  </si>
  <si>
    <t>Death and the joyful woman / by Ellis Peters.-- Avon Books; c1961.-- (An Avon book ; G1180).</t>
  </si>
  <si>
    <t>Mourning Raga / Ellis Peters.-- Panther Books; 1973.-- (Panther).</t>
  </si>
  <si>
    <t>Death and the joyful woman / by Ellis Peters.-- Avon Books; c1961.-- (Avon classic crime collection).</t>
  </si>
  <si>
    <t>On my way home / Richard Phenix.-- Armed Service; 19--.-- (Armed Service Edition ; 1315).</t>
  </si>
  <si>
    <t>813.5/P52</t>
  </si>
  <si>
    <t>Murder in marble : a detective story / by Judson Philips.-- Quinn Publishing; c1940.-- (Handi-Books).</t>
  </si>
  <si>
    <t>813.5/P54</t>
  </si>
  <si>
    <t>Whisper town / Judson Philips.-- Pengluin; 1964.-- (Penguin books ; C2134).</t>
  </si>
  <si>
    <t>Spy catcher / Oreste Pinto.-- Berkley Publishing Corp.; c1952.-- (A Berkley Books ; G-67).</t>
  </si>
  <si>
    <t>823.91/P66</t>
  </si>
  <si>
    <t>The stand-in / Evelyn Piper.-- Popular Library; c1970.-- (Popular library).</t>
  </si>
  <si>
    <t>813.5/P67</t>
  </si>
  <si>
    <t>The motive / by Evelyn Piper.-- Dell; c1950.-- (Dell Book ; 5846).</t>
  </si>
  <si>
    <t>The snarkout boys &amp; the avocado of death / Daniel Pinkwater.-- New American Library; c1982.-- (A Singnet Vista Book).</t>
  </si>
  <si>
    <t>813.5/P66</t>
  </si>
  <si>
    <t>The pushbutton butterfly / Kin Platt.-- Pyramid Boks; 1972.-- (Pyramid ; N2681).</t>
  </si>
  <si>
    <t>813.5/P71</t>
  </si>
  <si>
    <t>The fiend.-- Playboy Press; c1971.-- (Playboy science fiction).</t>
  </si>
  <si>
    <t>808.83/F25</t>
  </si>
  <si>
    <t>Horror : and the supernatural / selcted by the editord of Playboy.-- Playboy Press; 1968, c1967.-- (The Playboy Book).</t>
  </si>
  <si>
    <t>808.83/P71</t>
  </si>
  <si>
    <t>Let's talk of graves, of worms, and epitaphs / Robert Player.-- Penguin; 1977, c1975.</t>
  </si>
  <si>
    <t>823.91/P71</t>
  </si>
  <si>
    <t>Edgar Poe : par lui-même/ Jacques Cabau.-- Seuil; [1977], c1960.-- (Collections microcosme ; . Écrivains de toujours ; 49).</t>
  </si>
  <si>
    <t>813.3/P76/c</t>
  </si>
  <si>
    <t>Edgar Allan Poe / by Irwin Porges ; adapted by Jacqueline Klat Cooper.-- Washington Square Press; 1969.-- (The ladder series ; L-93).</t>
  </si>
  <si>
    <t>813.5/P82</t>
  </si>
  <si>
    <t>Verdict of twelve / Raymond Postgate.-- Pocket book; 1946, c1940.-- (Pocket books ; 331).</t>
  </si>
  <si>
    <t>Slab happy / Richard S. Prather.-- Fawcett; c1958.-- (Gold Medal Books ; k1264).</t>
  </si>
  <si>
    <t>813.5/P88</t>
  </si>
  <si>
    <t>Everybody had a gun / Richard S. Prather.-- Fawcett; c1951.-- (Gold Medal Books ; k1402).</t>
  </si>
  <si>
    <t>Too many crooks / Richard S. Prather.-- Fawcett; c1951.-- (Gold Medal Books ; 551).</t>
  </si>
  <si>
    <t>Three's a shroud / Richard S. Prather.-- Fawcett; c1959.-- (Gold medal Books ; 896).</t>
  </si>
  <si>
    <t>Three's a shroud / Richard S. Prather.-- Fawcett; c1956.-- (Gold Medal Books ; 592).</t>
  </si>
  <si>
    <t>Start screaming murder / Talmage Powell.-- Perma Books; 1962.-- (Perma Books ; M4251).</t>
  </si>
  <si>
    <t>813.5/P87</t>
  </si>
  <si>
    <t>The die hard / by Jean Potts.-- Dell; c1956.-- (A Dell Book ; 982).</t>
  </si>
  <si>
    <t>Go, lovely rose / Jean Potts.-- Penguin; 1963, c1954.-- (Penguin books ; 2050).</t>
  </si>
  <si>
    <t>The man with the cane / Jean Potts.-- Penguin; 1964.-- (Penguin books ; C2002).</t>
  </si>
  <si>
    <t>Joker in the deck / Richard S. Prather.-- Berkley publishing corp.; c1964.-- (Berkley books ; k1376).</t>
  </si>
  <si>
    <t>Dead heat / Richard S. Prather.-- Pocket Book; 1964.-- (Pocket book ; 4801).</t>
  </si>
  <si>
    <t>Double in trouble / Richard S. Prather.-- Fawcett; c1959.-- (Gold Medal Books ; M2364).</t>
  </si>
  <si>
    <t>Land of unreason / by Fletcher Pratt and L. Sprague de Camp ; Introduction by Lin Carter.-- Ballantine Books; c1970.</t>
  </si>
  <si>
    <t>The devil was handsome / Maurice Procter.-- Pyramid  Publications; 1965, c1961.-- (Pyramid Books ; R1191).</t>
  </si>
  <si>
    <t>823.91/P94</t>
  </si>
  <si>
    <t>Somewhere in this city / Maurice Procter.-- Pyramid  Publications; 1964, c1954.-- (Pyramid Books ; R1082).</t>
  </si>
  <si>
    <t>Suspicious characters / edited by Bill Pronzini and Martin H. Greenberg.-- Ivy Books; c1987.-- (Ivy Books ; Mystery).</t>
  </si>
  <si>
    <t>813.0872/P94</t>
  </si>
  <si>
    <t>Last place left / Marshall Pugh.-- Penguin; 1972, c1969.-- (Penguin books).</t>
  </si>
  <si>
    <t>823.91/P96</t>
  </si>
  <si>
    <t>The Godfather papers : and other confessions / by Mario Puzo.-- Fawcett Publications; [1973], c1972.-- (A Fawcett crest book ; P1797).</t>
  </si>
  <si>
    <t>813.5/P98</t>
  </si>
  <si>
    <t>The puzzle of the silver persian / Stuart Palmer.-- Bantam Books; 1986.-- (A Bantam book ; mystery).</t>
  </si>
  <si>
    <t>The puzzle of the red stallion  / Stuart Palmer.-- Bantam Books; 1987.-- (A Bantam book ; mystery).</t>
  </si>
  <si>
    <t>The puzzle of the happy hooligan / Stuart Palmer.-- Bantam Books; 1986.-- (A Bantam book ; mystery).</t>
  </si>
  <si>
    <t>Mel Brooks' young Frankenstein : a novel / by Gilbert Pearlman ; based on the screenplay by Gene Wilder and Mel Brooks.-- Ballantine Books; c1974.-- (Ballantine ; novel 24268).</t>
  </si>
  <si>
    <t>Humorous stories / by Barry Pain ; with an introduction by Alfred Noyes.-- T. Werner Laurie; 1930.</t>
  </si>
  <si>
    <t>823.91/P16</t>
  </si>
  <si>
    <t>The Pope of Greenwich Village / Vincent Patrick.-- Seaview Books : distributed by Harper &amp; Row; c1979.</t>
  </si>
  <si>
    <t>Virgin / James Patterson.-- McGraw-Hill; [1980].</t>
  </si>
  <si>
    <t>Hugger-mugger in the Louvre : a Homer Evans murder mystery / by Elliot Paul.-- Nicholson &amp; Watson; 1949.</t>
  </si>
  <si>
    <t>The mysterious Mickey Finn / by Elliot Paul.-- Dover Publications; 1984.</t>
  </si>
  <si>
    <t>Hugger-mugger in the Louvre : a Homer Evans murder mystery / by Elliot Paul.-- Dover Publications; 1986.</t>
  </si>
  <si>
    <t>Mayhem in B-flat : a Homer Evans murder mystery / by Elliot Paul.-- Dover Publications; 1988.</t>
  </si>
  <si>
    <t>Letters from a lost uncle / Mervyn Peake.-- Pan Books; 1977, c1976.-- (Picador).</t>
  </si>
  <si>
    <t>The man who died twice : a novel about Hollywood's most baffling murder / by Samuel A. Peeples.-- G.P. Putnam's Sons; c1976.</t>
  </si>
  <si>
    <t>The Penguin book of kites / David Pelham.-- Penguin; c1976.</t>
  </si>
  <si>
    <t>629.1/P36</t>
  </si>
  <si>
    <t>Detectionary : a biographical dictionary of leading characters in detective and mystery fiction, including famous and little-known sleuths, their helpers, rogues, both heroic and sinister, and some of their most memorable adventures, as recounted in novels, short stories, and films / compiled by Otto Penzler ... [et al.] ; edited by Otto Penzler, Chris Steinbrunner &amp; Marvin Lachman.-- Overlook Press; 1977, c1971.</t>
  </si>
  <si>
    <t>809.387/P38</t>
  </si>
  <si>
    <t>Dangerous women / edited by Otto Penzler.-- Mysterious Press; c2005.</t>
  </si>
  <si>
    <t>Naked once more / Elizabeth Peters.-- Warner Books; c1989.</t>
  </si>
  <si>
    <t>Bunny Lake is missing / by Evelyn Piper.-- Harper &amp; Brothers Publishiers; c1957.</t>
  </si>
  <si>
    <t>The diary of Samuel Pepys 1660-1669 / an abridgment edited by Isabel Ely Lord.-- E. M. Hale; [19--?].</t>
  </si>
  <si>
    <t>941.06/P39</t>
  </si>
  <si>
    <t>A literary symbiosis : science fiction/fantasy mystery / Hazel Beasley Pierce.-- Greenwood Press; 1983.-- (Contributions to the study of science fiction and fantasy ; no. 6).</t>
  </si>
  <si>
    <t>809.387/P62</t>
  </si>
  <si>
    <t>Mute witness / Robert L. Pike.-- Deutsch; 1965.</t>
  </si>
  <si>
    <t>813.5/P64</t>
  </si>
  <si>
    <t>My savage muse : the story of my life : Edgar Allan Poe, an imaginative work / by Bernhardt J. Hurwood.-- Everest House; c1979.</t>
  </si>
  <si>
    <t>813.3/P76/h</t>
  </si>
  <si>
    <t>Graphic classics : Edgar Allan Poe / edited by Tom Pomplun.-- Eureka Productions; c2006.-- (Graphic classics ; vol.1).</t>
  </si>
  <si>
    <t>813.3/P76/p</t>
  </si>
  <si>
    <t>Tales of mystery &amp; imagination / by Edgar Allan Poe ; illustrated by Arthur Rackham.-- Weathervane Books; [197-], c1935.</t>
  </si>
  <si>
    <t>813.3/P76</t>
  </si>
  <si>
    <t>The narrative of Arthur Gordon Pym of Nantucket / Edgar Allan Poe.-- 1st World Library; c2005.</t>
  </si>
  <si>
    <t>Poe Poe Poe Poe Poe Poe Poe / Daniel Hoffman.-- Doubleday; 1972.</t>
  </si>
  <si>
    <t>Poe the detective : the curious circumstances behind The mystery of Marie Roget / John Walsh.-- Rutgers University Press; c1968.</t>
  </si>
  <si>
    <t>813.3/P76/w</t>
  </si>
  <si>
    <t>The Edgar Allan Poe scrapbook : articles, essays, letters, anecdotes, illustrations, photographs and memorabilia about the legendary American genius / edited by Peter Haining ; foreword by Robert Bloch.-- New English Library; 1977.</t>
  </si>
  <si>
    <t>The pursuit of crime : art and ideology in detective fiction / Dennis Porter.-- Yale University Press; c1981.</t>
  </si>
  <si>
    <t>823.0872/P83</t>
  </si>
  <si>
    <t>The chinks in the curtain / Joyce Porter.-- Jounathan Cape; c1967.</t>
  </si>
  <si>
    <t>823.91/P83</t>
  </si>
  <si>
    <t>Neither a candle nor a pitchfork / Joyce Porter.-- Weidenfeld and Nicolson; c1969.</t>
  </si>
  <si>
    <t>The screwball king murder / Kin Platt.-- Random House; c1978.</t>
  </si>
  <si>
    <t>The kissing gourami / By Kin Platt.-- Random House; c1970.</t>
  </si>
  <si>
    <t>Writers at work : the Paris review interviews, third series / edited by George Plimpton ; introduced by Alfred Kazin ; : pbk.-- Penguin Books; 1977.</t>
  </si>
  <si>
    <t>809.3/P72</t>
  </si>
  <si>
    <t>Secret and Urgent : the story of codes and chiphers / by Fletcher Pratt.-- Robert Hale; 1939.</t>
  </si>
  <si>
    <t>Gun in cheek : a study of "alternative" crime fiction / by Bill Pronzini.-- Coward, McCann &amp; Geoghegan; c1982.</t>
  </si>
  <si>
    <t>Son of Gun in cheek / Bill Pronzini.-- Mysterious Press; c1987.</t>
  </si>
  <si>
    <t>Hoodwink / by Bill Pronzini.-- St. Martin's Press; c1981.</t>
  </si>
  <si>
    <t>813.5/P94</t>
  </si>
  <si>
    <t>1001 midnights : the aficionado's guide to mystery and detective fiction / by Bill Pronzini and Marcia Muller.-- Arbor House; c1986.</t>
  </si>
  <si>
    <t>809.387/P94</t>
  </si>
  <si>
    <t>Mayhem and murder : narrative and moral problems in the detective story / Heta Pyrhönen ; : hard, : pbk.-- University of Toronto Press; c1999.</t>
  </si>
  <si>
    <t>809.387/P99</t>
  </si>
  <si>
    <t>The World Cup murder / Pelé with Herbert Resnicow.-- Wynwood Press; c1988.</t>
  </si>
  <si>
    <t>813.5/P36</t>
  </si>
  <si>
    <t>Les passions selon Dali / Salvador Dali, Louis Pauwels.-- Denoël; c1968.</t>
  </si>
  <si>
    <t>759.6/D32</t>
  </si>
  <si>
    <t>Le miroir volé / texte et illustrations de Lidia Postma ; texte français de Catherine Deloraine.-- Flammarion; c1976.</t>
  </si>
  <si>
    <t>741.5/P84</t>
  </si>
  <si>
    <t>The book of sleuths / Janet Pate ; pbk.-- Contemporary Books; c1977.</t>
  </si>
  <si>
    <t>809.387/P27</t>
  </si>
  <si>
    <t>The private lives of private eyes, spies, crimefighters &amp; other good guys / by Otto Penzler ; : pbk.-- Grosset &amp; Dunlap; c1977.</t>
  </si>
  <si>
    <t>Guía del Prado / Consuelo Luca de Tena, Manuela Mena.-- Silex; c1986.</t>
  </si>
  <si>
    <t>708/L96</t>
  </si>
  <si>
    <t>The best from Playboy : entatertainment for men / edited by Hugh M. Hefner ; editor and publisher Playboy.-- Waldorf Publishing Company; c1954.</t>
  </si>
  <si>
    <t>070.1/P71</t>
  </si>
  <si>
    <t>Playboy annual : entertainment for men / edited by Hugh M. Hefner.-- Waldord Pub. Co; c1956.</t>
  </si>
  <si>
    <t>Puzzle for pilgrims / Patrick Quentin.-- Armed Service; c1947.-- (Armed Service Edition ; 1291).</t>
  </si>
  <si>
    <t>Micro adventure : jungle quest : no. 2 / By Megan Stine and H. William Stine.-- Scholastic Books; c1984.</t>
  </si>
  <si>
    <t>793/St6</t>
  </si>
  <si>
    <t>The green turtle mystery / by Ellery Queen, jr. ; iluustrated by Melvin Bolden.-- Rockefeller Center; 1949.</t>
  </si>
  <si>
    <t>What's in the dark / Ellery Queen.-- Kensington Publishing; c1978.-- (Zebra mystery).</t>
  </si>
  <si>
    <t>Der mysteriöse Zylinder / Ellery Queen.-- DuMont; 1987.-- (DuMont's Kriminal-Bibliothek ; 1008).</t>
  </si>
  <si>
    <t>The black hearts murder / Ellery Queen.-- Lancer Books; c1970.</t>
  </si>
  <si>
    <t>The tragedy of z / Ellery Queen.-- Avon Books; c1933.-- (Avon Books ; T-516).</t>
  </si>
  <si>
    <t>The blue murders / Ellery Queen.-- Lancer Books; c1972.-- (Lancer book).</t>
  </si>
  <si>
    <t>Guess who's coming to kill you / Ellery Queen.-- Lancer Books; 1968.-- (Lancer book).</t>
  </si>
  <si>
    <t>The tragedy of Z / Ellery Queen ; pbk..-- International Polygonics; c1987.-- (IPL library of crime classics).</t>
  </si>
  <si>
    <t>Drury Lane's last case / Ellery Queen ; pbk..-- International Polygonics; c1987.-- (IPL library of crime classics).</t>
  </si>
  <si>
    <t>The blue movie murders / Ellery Queen.-- Penguin; 1972.-- (Penguin Books).</t>
  </si>
  <si>
    <t>The woman in the case / Ellery Queen.-- Bantam Books; 1965.-- (Bantam mystery ; F3026).</t>
  </si>
  <si>
    <t>The murderer is a fox / by Ellery Queen.-- Bantam Books; c1945.-- (Bantam books).</t>
  </si>
  <si>
    <t>An d on the eighth day / by Ellery Queen.-- Bantam Books; c1964.-- (Bantam books).</t>
  </si>
  <si>
    <t>The vanishing corpse / Ellery Queen.-- Pyramid Books; 1968, c1941.-- (A Pyramid thriller ; R-1799).</t>
  </si>
  <si>
    <t>The perfect crime / Ellery Queen.-- Pyramid Books; 1968, c1942.-- (A Pyramid thriller ; R-1814).</t>
  </si>
  <si>
    <t>Run to death / by Patrick Quentin.-- Dell Publishing; c1948.-- (Dell Book ; 851).</t>
  </si>
  <si>
    <t>The murderer is a fox / by Ellery Queen.-- Dell; c1945.-- (Dell Book ; 6050).</t>
  </si>
  <si>
    <t>The French powder mystery / Ellery Queen.-- Pocket Books; 1940, c1930.-- (Pocket book ; 71).</t>
  </si>
  <si>
    <t>The adventure of Ellery Queen / Ellery Queen.-- Pocket Books; 1941, c1934.-- (Pocket book ; 99).</t>
  </si>
  <si>
    <t>The tragedy of x / Ellery Queen.-- Pocket Books; 1941, c1934.-- (Pocket book ; 125).</t>
  </si>
  <si>
    <t>The new adventures of Ellery Queen / Ellery Queen.-- Pocket Books; 1941, c1940.-- (Pocket book ; 134).</t>
  </si>
  <si>
    <t>The Siamese twin mystery / Ellery Queen ; pbk..-- Pocket Books; 1941.-- (Pocket book ; 109).</t>
  </si>
  <si>
    <t>The dutch shoe mystery / Ellery Queen.-- Pocket Books; 1943.-- (Pocket book ; 202).</t>
  </si>
  <si>
    <t>Halfway house / Ellery Queen.-- Pocket Books; 1944, c1936.-- (Pocket book ; 259).</t>
  </si>
  <si>
    <t>Calamity town / by Ellery Queen.-- Pocket Books; 1945, c1942.-- (Pocket book ; 283).</t>
  </si>
  <si>
    <t>The tragedy of y / by Ellery Queen.-- Pocket Books; 1945, c1941.-- (Pocket book ; 313).</t>
  </si>
  <si>
    <t>The virgin heiresses / Ellery Queen.-- Pocket Books; 1947.-- (Pocket Book ; 459).</t>
  </si>
  <si>
    <t>The door between / Ellery Queen.-- Pocket Books; 1947.-- (Pocket Book ; 471).</t>
  </si>
  <si>
    <t>Origin of evil / Ellery Queen.-- Pocket Books; 1953.-- (Pocket Book ; 926).</t>
  </si>
  <si>
    <t>The greek coffin mystery / Ellery Queen.-- Pocket Books; 1960.-- (A Cardinal edition ; C-390).</t>
  </si>
  <si>
    <t>The tragedy of z / Ellery Queen.-- Pocket Books; 1953.-- (Pocket Book ; 355).</t>
  </si>
  <si>
    <t>The Scarlet letters / by Ellery Queen.-- Pocket Books; 1955.-- (Pocket Book ; 1049).</t>
  </si>
  <si>
    <t>Q.B.I. / by Ellery Queen.-- Pocket Books; 1955.-- (Pocket Book ; 1118).</t>
  </si>
  <si>
    <t>The murderer is a fox / by Ellery Queen.-- Pocket Books; 1948.-- (Pocket Book ; 2517).</t>
  </si>
  <si>
    <t>The door between / Ellery Queen.-- Pocket Books; 1947.-- (Pocket Book ; 35029).</t>
  </si>
  <si>
    <t>The killer touch / Ellery queen.-- Pocket Books; 1965.-- (Pocket book ; 5094).</t>
  </si>
  <si>
    <t>Kill as directed / Ellery Queen.-- Pocket Book; 1963.-- (Pocket book ; 4704).</t>
  </si>
  <si>
    <t>The Egyptian cross mystery / Ellery Queen.-- Pocket Books; 1943, c1932.-- (Pocket book ; 6017).</t>
  </si>
  <si>
    <t>The Chinese orange mystery / Ellery Queen.-- Pocket Books; 1939.-- (Pocket book ; 6130).</t>
  </si>
  <si>
    <t>The Siamese twin mystery / Ellery Queen ; pbk..-- Pocket Books; 1941.-- (Pocket book ; 6135).</t>
  </si>
  <si>
    <t>Cop out : a novel / by Ellery Queen.-- New American Library; 1970, c1969.-- (A Signet book ; T4196).</t>
  </si>
  <si>
    <t>The spanish cape mystery / by Ellery Queen.-- New American Library; c1963.-- (A Signet book ; T4343).</t>
  </si>
  <si>
    <t>The last woman mystery / by Ellery Queen.-- New American Library; c1963.-- (A Signet book ; T4580).</t>
  </si>
  <si>
    <t>Clamity town / by Ellery Queen.-- New American Library; c1963.-- (A Signet book ; T4887).</t>
  </si>
  <si>
    <t>Ten days wonder / by Ellery Queen.-- New American Library; c1948.-- (A Signet book ; Q4907).</t>
  </si>
  <si>
    <t>There was an old woman / by Ellery Queen.-- New American Library; c1943.-- (A Signet book ; T4935).</t>
  </si>
  <si>
    <t>Calendar of crime / by Ellery Queen.-- New American Library; c1951.-- (A Signet book ; Q5166).</t>
  </si>
  <si>
    <t>The king is dead / by Ellery Queen.-- New American Library; c1952.-- (A Signet book ; Q5290).</t>
  </si>
  <si>
    <t>The new adventures of Ellery Queen / by Ellery Queen.-- New American Library; c1940.-- (A Signet book ; Q5320).</t>
  </si>
  <si>
    <t>The scarlet letters / by Ellery Queen.-- New American Library; c1953.-- (A Signet book ; Q5362).</t>
  </si>
  <si>
    <t>The glass village / Ellery Queen.-- New American Library; c1954.-- (A Signet book ; Q5393).</t>
  </si>
  <si>
    <t>Q.B.I. / Ellery Queen.-- New American Library; c1954.-- (A Signet book ; T5428).</t>
  </si>
  <si>
    <t>Dead man's tale / Ellery Queen.-- New American Library; c1961.-- (A Signet book ; T5471).</t>
  </si>
  <si>
    <t>Death spins the platter / Ellery Queen.-- New American Library; c1962.-- (A Signet book ; T5507).</t>
  </si>
  <si>
    <t>Murder with a past / Ellery Queen.-- New American Library; c1963.-- (A Signet book ; T5608).</t>
  </si>
  <si>
    <t>Wife or death / Ellery Queen.-- New American Library; c1963.-- (A Signet book ; Q5743).</t>
  </si>
  <si>
    <t>The four Johns / Ellery Queen.-- New American Library; c1964.-- (A Signet book ; Q5909).</t>
  </si>
  <si>
    <t>Blow hot, blow cold / Ellery Queen.-- New American Library; c1964.-- (A Signet book ; Q5984).</t>
  </si>
  <si>
    <t>Beware the young stranger / by Ellery Queen.-- New American Library; c1965.-- (A Signet book ; Q6152).</t>
  </si>
  <si>
    <t>The man in the net / Patrick Quentin.-- Penguin Books; 1961.-- (Penguin books ; 1579).</t>
  </si>
  <si>
    <t>The fate of the immodest blonde / by Patrick Quentin.-- Pocket books; 1950, c1947.-- (pocket book ; 676).</t>
  </si>
  <si>
    <t>Stay the loose ladies / by Patrick Quentin.-- Pocket books; 1948, c1945.-- (pocket book ; 460).</t>
  </si>
  <si>
    <t>Puzzle for fools / Patrick Quentin.-- Avon Books; c1936.-- (Avon classic creime collection ; PN238).</t>
  </si>
  <si>
    <t>A puzzle for fools / by Patrick Quentin.-- Dell; c1936.-- (Dell Book ; D192).</t>
  </si>
  <si>
    <t>Puzzle for wantons / by Patrick Quentin.-- Avon Books; c1945.-- (An avon book ; 49643).</t>
  </si>
  <si>
    <t>Murder with a past ; Kill as directed / Ellery Queen.-- New American Library; c1963.-- (A Signet book ; E8025).</t>
  </si>
  <si>
    <t>Ten day's wonder ; The king is dead / by Ellery Queen.-- New American Library; c1976.-- (A Signet book ; E9488).</t>
  </si>
  <si>
    <t>The creeping siames / by Dashiell Hammett ; collected and edited, with introduction by Ellery Queen.-- Lawrence E. Spiavak; c1950.-- (A Jonathan Press Myystery ; J48).</t>
  </si>
  <si>
    <t>The door between : a problem in deduction / Ellery Queen.-- Frederick A. Stokes Company; c1937.</t>
  </si>
  <si>
    <t>The Roman hat mystery : a problem in deduction / by Ellery Queen ; with a new introd. by the author ; lim. ed..-- 1st golden anniversary ed.-- Mysterious Press; 1979, c1929.</t>
  </si>
  <si>
    <t>The Roman hat mystery : a problem in deduction / by Ellery Queen.-- Frederick A. Stokes Company; 1929.</t>
  </si>
  <si>
    <t>The sound of detection : Ellery Queen's adventures in radio / Francis M. Nevins, Jr. &amp; Ray Stanich ; pbk..-- Brownstone Books; 1983.</t>
  </si>
  <si>
    <t>813.5/Q3/n</t>
  </si>
  <si>
    <t>In the Queens' parlor : and other leaves from the editors' notebook.-- Biblo and Tannen; 1969 [c1957].</t>
  </si>
  <si>
    <t>813.087/Q3</t>
  </si>
  <si>
    <t>The Spanish cape mystery / by Ellery Queen.-- The Blakiston Company; 1946, c1935.</t>
  </si>
  <si>
    <t>The Chinese orange mystery / Ellery Queen.-- Blakiston; c1945.-- (Triangle Books).</t>
  </si>
  <si>
    <t>Double, double / Ellery Queen.-- Littele, Brown and Company; 1950.</t>
  </si>
  <si>
    <t>P as in police : 16 procedural short stories / by Lawrence Treet ; Edited and with introd. by Ellery Queen.-- Davis Publications; 1970.-- (Ellery Queen presents ; no. 2).</t>
  </si>
  <si>
    <t>813.5/Tr3</t>
  </si>
  <si>
    <t>The best of Ellery Queen : four decades of stories from the mystery masters / edited by Francis M. Nevins, Jr., and Martin H. Greenberg.-- Beaufort Books; c1985.</t>
  </si>
  <si>
    <t>A fine and private place / Ellery Queen.-- The world publishing company; c1971.</t>
  </si>
  <si>
    <t>The four of hearts / Ellery Queen.-- Victor Gollancz; 1973.</t>
  </si>
  <si>
    <t>The devil to pay / Ellery Queen.-- Victor Gollancz; 1973.</t>
  </si>
  <si>
    <t>Ten day's wonder / by Ellery Queen.-- Grosset &amp; Dunlap; 1948.</t>
  </si>
  <si>
    <t>The great women detectives and criminals : the female of the species / edited by Elley Queen.-- Blue ribbon books; 1946.</t>
  </si>
  <si>
    <t>The Greek coffin mystery / by Ellery Queen.-- Frederick A. Stokes Company; 1932.</t>
  </si>
  <si>
    <t>The red chipmunk mystery / by Ellery Queen, jr. ; drawings by E. A. Watson.-- Lippincott; c1946.</t>
  </si>
  <si>
    <t>Calendar of crime / by Ellery Queen.-- Little, Brown and Company; 1952.</t>
  </si>
  <si>
    <t>The devil to pay / Ellery Queen.-- The world publishing company; c1938.</t>
  </si>
  <si>
    <t>The dragon's teeth : a problem in deduction / by Ellery Queen.-- Blakiston; 1945.-- (Triangle Books).</t>
  </si>
  <si>
    <t>The Dutch shoe mystery : a probem in deduction / Ellery Queen.-- Victor Gollancz; 1931.</t>
  </si>
  <si>
    <t>The French powder mystery ; a problem in deduction / Ellery Queen.-- Victor Gollancz Ltd.; 1930.</t>
  </si>
  <si>
    <t>The Chinese orange mystery / Ellery Queen.-- Victor Gollancz Ltd.; 1934.</t>
  </si>
  <si>
    <t>The Spanish cape mystery / Ellery Queen.-- Victor Gollancz Ltd.; 1935.</t>
  </si>
  <si>
    <t>The Egyptian cross mystery : a problem in deduction / by Ellery Queen.-- V. Gollancz; 1933.</t>
  </si>
  <si>
    <t>The Siamse twin mystery : a problem in deduction / by Ellery Queen.-- V. Gollancz; 1934.</t>
  </si>
  <si>
    <t>The Greek coffin mystery : a problem in deduction / by Ellery Queen.-- V. Gollancz; 1933.</t>
  </si>
  <si>
    <t>The origin pf evil / by Ellery Queen.-- V. Gollancz; 1953.</t>
  </si>
  <si>
    <t>The Murderer is a fox : a novel / Ellery Queen.-- Little, Brown; 1945.</t>
  </si>
  <si>
    <t>Royal bloodline; Ellery Queen, author and detective / by Francis M. Nevins, Jr ; : pbk.-- Bowling Green University Popular Press; c1974.</t>
  </si>
  <si>
    <t>The Best of Ellery Queen.-- Hale; 1983.</t>
  </si>
  <si>
    <t>The Ellery Queen omnibus : The roman hat mystery, The french powder mystery, The Egypptian cross mystery.-- Grosset &amp; Dunlap; c1932.</t>
  </si>
  <si>
    <t>A house in naples / Peter Rabe.-- Fawcett; c1956.-- (Gold Medal Books ; 547).</t>
  </si>
  <si>
    <t>813.5/R11</t>
  </si>
  <si>
    <t>Murder me for nickles / Peter Rabe.-- Fawcett; c1960.-- (Gold Medal Books ; 996).</t>
  </si>
  <si>
    <t>Summer of '42 / Herman Raucher.-- Dell; c1971.-- (Dell Book ; 8348).</t>
  </si>
  <si>
    <t>A talent for destruction / Sheila Radley.-- Penguin; 1984, c1982.</t>
  </si>
  <si>
    <t>823.91/R11</t>
  </si>
  <si>
    <t>Death in the morning / Sheila Radley.-- Dell; 1980, c1978.-- (Dell Book ; . a murder ink. ; mystery).</t>
  </si>
  <si>
    <t>A talent for destruction / Sheila Radley.-- Ballantine Books; 1984, c1982.-- (Ballantine mystery).</t>
  </si>
  <si>
    <t>Night of January 16th : a play / by Ayn Rand.-- New American Library; c1968.-- (A Signet Book ; Q4485).</t>
  </si>
  <si>
    <t>812.5/R14</t>
  </si>
  <si>
    <t>Fatal Flourishes / S. S. Rafferty.-- Avon; c1977.-- (An Avon Book ; 41772).</t>
  </si>
  <si>
    <t>813.5/R12</t>
  </si>
  <si>
    <t>Gunsight pass / William MacLeod Raine.-- Dell; c1921.-- (Dell Book ; 238).</t>
  </si>
  <si>
    <t>Schlomo Raven : public detective / Byron Preiss, Tom Sutton.-- Pyramid Books; 1976.-- (Pyramid books ; P4076. Fiction illustrated ; vol. 1).</t>
  </si>
  <si>
    <t>813.5/P91</t>
  </si>
  <si>
    <t>Les aventures D'Harry Dicksom / Jean Ray.-- Librairei des Champs-ÉLysées.</t>
  </si>
  <si>
    <t>843.91/R19</t>
  </si>
  <si>
    <t>Understanding Tolkien and The Lord of the rings / by William Ready.-- Paperback Library; c1968.-- (Paperback Library ; 64-036).</t>
  </si>
  <si>
    <t>823.91/To47/r</t>
  </si>
  <si>
    <t>Confessions of a hitch-hiker / by Adrian Reid.-- New American Library; c1970.-- (A Signet book ; T4337).</t>
  </si>
  <si>
    <t>823.91/R25</t>
  </si>
  <si>
    <t>The green felt jungle / Reid and Ovid Demaris.-- Pocket Book; c1964.-- (Pocket book ; 75037).</t>
  </si>
  <si>
    <t>973.9/D56</t>
  </si>
  <si>
    <t>Harris in wonderland / Philip Reid.-- Penguin; 1976.</t>
  </si>
  <si>
    <t>Three women in black / Helen Reilly.-- Dell Publishing; c1946.-- (Dell Book ; 709).</t>
  </si>
  <si>
    <t>Lament for the bride / Helen Reilly.-- Dell Publishing; c1951.-- (Dell Book ; 621).</t>
  </si>
  <si>
    <t>The opening door ; Follow me / Helen Reilly.-- Ace Books, Inc; c1960.-- (Giant double novel book ; G518).</t>
  </si>
  <si>
    <t>Crime without punishment / by Guenther Reinhardt.-- New American Library; c1952.-- (A Signet book ; 1067).</t>
  </si>
  <si>
    <t>Shadows on the wall / by Mary Reisner.-- Novel Selections; c1943.-- (The mystery novel classic ; 66).</t>
  </si>
  <si>
    <t>From doon with death / Ruth Rendell.-- Beagle Books; c1964.-- (A Beagle mystery ; 94001).</t>
  </si>
  <si>
    <t>823.91/R27</t>
  </si>
  <si>
    <t>To fear a painted devil / Ruth Rendell.-- Beagle Books; c1965.-- (A Beagle mystery ; 95002).</t>
  </si>
  <si>
    <t>Wolf to the slaughter / Ruth Rendell.-- Beagle Books; c1967.-- (A Beagle mystery ; 95003).</t>
  </si>
  <si>
    <t>The secret house of death / Ruth Rendell.-- Beagle Books; c1968.-- (A Beagle mystery ; 95004).</t>
  </si>
  <si>
    <t>Murder being once done / by Ruth Rendell.-- Bantam book; 1975.-- (A bantam book drama ; N8011).</t>
  </si>
  <si>
    <t>From Doon with death / Ruth Rendell.-- Ballantine Books; 1966, c1964.-- (Ballantine books ; U2281).</t>
  </si>
  <si>
    <t>The gold deadline / Herbert Resnicow.-- Avon Books; [1985], c1984.-- (Avon ; mystery).</t>
  </si>
  <si>
    <t>813.5/R28</t>
  </si>
  <si>
    <t>The Gold solution / Herbert Resnicow.-- Avon Books; [1984], c1983.-- (Avon ; mystery).</t>
  </si>
  <si>
    <t>The crossword code / Herbert Resnicow ; puzzles by Henry Hook.-- Ballantine Books; 1986.-- (Ballantine ; mystery).</t>
  </si>
  <si>
    <t>The crossword legacy / Herbert Resnicow ; puzzles by Henry Hook.-- Ballantine Books; 1987.-- (Ballantine ; mystery).</t>
  </si>
  <si>
    <t>Murder across and down / Herbert Resnicow ; puzzles by Henry Hook.-- Ballantine Books; 1985.-- (Ballantine ; mystery).</t>
  </si>
  <si>
    <t>Resort to war / George Revelli.-- Dell Publishing Co.; [1972], c1971.-- (A Dell book ; 7369).</t>
  </si>
  <si>
    <t>823.91/R29</t>
  </si>
  <si>
    <t>Erik Satie / Anne Rey.-- Seuil; [1974].-- (Collections microcosme ; . Solfèges ; 35).</t>
  </si>
  <si>
    <t>786.1/Sa84/r</t>
  </si>
  <si>
    <t>Courtroom / Quentin Reynolds.-- Popular Library; 1952, c1950.-- (Popular Giant ; G106).</t>
  </si>
  <si>
    <t>345.73/R29</t>
  </si>
  <si>
    <t>Smooth and deadly : (I, Willie Sutton) ; the amazing story of America's most daring bank robber / Quentin Reynolds.-- Popular Library; 1953.-- (Popular library ; 533).</t>
  </si>
  <si>
    <t>364.1/R29</t>
  </si>
  <si>
    <t>Groomed for murder / Vivian Rhodes.-- Ballantine Books; 1984, c1983.-- (Ballantine ; mystery).</t>
  </si>
  <si>
    <t>813.5/R31</t>
  </si>
  <si>
    <t>Hendon's first case / by John Rhode.-- published for the Crime Club by The Albatross; c1936.-- (The Albatross continental Crime Club library ; 148).</t>
  </si>
  <si>
    <t>Mystery at Olympia / by John Rhode.-- published for the Crime Club by The Albatross; c1936.-- (The Albatross continental Crime Club library ; 154).</t>
  </si>
  <si>
    <t>Shot at dawn / by John Rhode.-- Published for the Crime Club by  Collins; 1934.-- (The Crime Club ; 5).</t>
  </si>
  <si>
    <t>The Sunday Pigeon murders  / by Craig Rice.-- Editions for the Armed Services; c1942.-- (Armed services editions ; 1074).</t>
  </si>
  <si>
    <t>Having wonderful crime / by Craig Rice.-- Pocket Books; 1945, c1943.-- (Pocket book ; 289).</t>
  </si>
  <si>
    <t>Home sweet homicide / by Craig Rice.-- Pocket Books; 1946, c1944.-- (Pocket book ; 361).</t>
  </si>
  <si>
    <t>The lucky stiff  / by Craig Rice.-- Pocket Books; 1947, c1945.-- (Pocket book ; 391).</t>
  </si>
  <si>
    <t>The Sunday pigeon murders / by Craig Rice.-- Pocket Books; 1947, c1942.-- (Pocket book ; 434).</t>
  </si>
  <si>
    <t>The big midget murders / by Craig Rice.-- Pocket Books; 1948, c1942.-- (Pocket book ; 528).</t>
  </si>
  <si>
    <t>The fourth postman  / by Craig Rice.-- Pocket Books; 1950, c1948.-- (Pocket book ; 651).</t>
  </si>
  <si>
    <t>My kingdom for a hearse / Craig Rice.-- Pocket Books; 1958, c1957.-- (Pocket book ; 1189).</t>
  </si>
  <si>
    <t>Knocked for a loop / Craig Rice.-- Pocket Books; 1958, c1957.-- (Pocket book ; 1215).</t>
  </si>
  <si>
    <t>Trial by fury / Craig Rice.-- Pocket Books; 1943, c1941.-- (Pocket book ; 237).</t>
  </si>
  <si>
    <t>Innocent bystander / by Craig Rice.-- Dell Publishing Co.; c1949.-- (A Dell book ; 461).</t>
  </si>
  <si>
    <t>The lucky stiff / Craig Rice.-- Bantam Books; 1987, c1945.-- (A Bantam book ; mystery).</t>
  </si>
  <si>
    <t>The night stalker / by Jeff Rice.-- Pocket Books; 1973.</t>
  </si>
  <si>
    <t>The baked bean supper murders / Virginia Rich.-- Ballantine Books; 1984, c1983.-- (Ballantaine ; mystery 31252).</t>
  </si>
  <si>
    <t>813.5/R34</t>
  </si>
  <si>
    <t>The prowler / by Frances Rickett.-- Popular library; 1963.-- (Popular library ; SP322).</t>
  </si>
  <si>
    <t>813.5/R36</t>
  </si>
  <si>
    <t>Tread softly  / by Frances Rickett.-- Popular library; 1964.-- (Popular library ; SP381).</t>
  </si>
  <si>
    <t>Kill and tell / Howard Rigsby.-- Pocket Books; 1953, c1951.-- (Pocket book ; 934).</t>
  </si>
  <si>
    <t>813.5/R39</t>
  </si>
  <si>
    <t>Man in Lower Ten /  by Mary Roberts Rinehart.-- Dell Publishing Co.; c1927.-- (A Dell book ; 406).</t>
  </si>
  <si>
    <t>The frightened wife : and other murder stories /  by Mary Roberts Rinehart.-- Dell Publishing Co.; c1953.-- (A Dell book ; D154).</t>
  </si>
  <si>
    <t>Another kind : science-fiction stories / by Chad Oliver.-- Ballantine Books; c1955.-- (Ballantine Books ; 113).</t>
  </si>
  <si>
    <t>813.5/O59</t>
  </si>
  <si>
    <t>The red lamp / Mary Roberts Rinehart.-- Kensington; c1953.-- (Zebra mystery).</t>
  </si>
  <si>
    <t>The circular staircase / Mary Roberts Rinehart.-- Carroll &amp; Graf Publishers; 1985.-- (Carroll &amp; Graf Mystery).</t>
  </si>
  <si>
    <t>Minute mysteries / Austin Ripley.-- Pocket Book; 1949.-- (PocketBook ; 641).</t>
  </si>
  <si>
    <t>808.83/R46</t>
  </si>
  <si>
    <t>The Q document / by James Hall Roberts.-- Fawcett Publications; c1964.-- (A Fawcett crest book ; R877).</t>
  </si>
  <si>
    <t>813.5/R52</t>
  </si>
  <si>
    <t>Landscape with dead dons / Robert Robinson.-- Penguin; 1963, c1956.</t>
  </si>
  <si>
    <t>823.91/R54</t>
  </si>
  <si>
    <t>The oil rig / Frank Roderus.-- Bantam Books; 1984.-- (A Bantam Book).</t>
  </si>
  <si>
    <t>813.5/R58</t>
  </si>
  <si>
    <t>Sing out sweet homicide / by John Roeburt.-- Dell Publishing; c1961.-- (A Dell first edition ; K105).</t>
  </si>
  <si>
    <t>813.5/R61</t>
  </si>
  <si>
    <t>The red right hand / Joel Townsley Rogers.-- Pocket book; c1946.-- (Pocket books ; 385).</t>
  </si>
  <si>
    <t>The shadow of Fu Manchu / Sax Rohmer.-- Kensington; c1948.-- (Zebra mystery).</t>
  </si>
  <si>
    <t>823.91/R62</t>
  </si>
  <si>
    <t>The insidious Dr. Fu Manchu / Sax Rohmer.-- Kensington; c1913.-- (Zebra mystery).</t>
  </si>
  <si>
    <t>Terror in the town / by Edward Ronns.-- The American Mercury; c1947.-- (A Murray mystery ; 152).</t>
  </si>
  <si>
    <t>813.5/R66</t>
  </si>
  <si>
    <t>Death merchant : operation overkill / by Joseph Rosenberger.-- Pinnacle Books; c1972.-- (Pinnnakle Books fiction).</t>
  </si>
  <si>
    <t>813.5/R72</t>
  </si>
  <si>
    <t>Death merchant : Nipponese nightmare / by Joseph Rosenberger.-- Pinnacle Books; c1978.-- (Pinnnakle Books fiction).</t>
  </si>
  <si>
    <t>Death merchant37 : the Bermuda triangle action / by Joseph Rosenberger ; pbk..-- Original Pinnacle books ed.-- Pinnacle Books; c1980.-- (Pinnacle books fiction).</t>
  </si>
  <si>
    <t>Death merchant38 : the burning blue death / by Joseph Rosenberger ; pbk..-- Pinnacle Books; c1980.-- (Pinnacle books fiction).</t>
  </si>
  <si>
    <t>Death merchant42 : high command murder / by Joseph Rosenberger ; pbk..-- Pinnacle Books; c1980.-- (Pinnacle books fiction).</t>
  </si>
  <si>
    <t>Death merchant47 : operation skyhook / by Joseph Rosenberger ; pbk..-- Pinnacle Books; c1981.-- (Pinnacle books fiction).</t>
  </si>
  <si>
    <t>Death merchant47 : operation skyhook / by Joseph Rosenberger ; pbk..-- Pinnacle Books; c1982.-- (Pinnacle books fiction).</t>
  </si>
  <si>
    <t>The mushroom cave / Robert Rosenblum.-- Penguin Books; 1976, c1973.-- (Penguin crime fiction).</t>
  </si>
  <si>
    <t>The dark corner / by Leonard Q. Ross.-- Century Publications; c1945.-- (A century mystery).</t>
  </si>
  <si>
    <t>Awakening / Jean-Baptiste Rossi.-- Berkley Publishing Corp.; c1952.-- (A Berkley Books ; G-191).</t>
  </si>
  <si>
    <t>A terrible beauty / by Arthur J. Roth.-- Dell; c1958.-- (Dell Book ; D341).</t>
  </si>
  <si>
    <t>813.5/R74</t>
  </si>
  <si>
    <t>Shadow of a lady / by Holly Roth.-- Award Books; c1957.-- (Award Books ; KA133F).</t>
  </si>
  <si>
    <t>MAsk of glass / by Holly Roth.-- Berkley Publishing; 1955.-- (Berkley Books ; 112).</t>
  </si>
  <si>
    <t>Too many doctors / Hollly Roth.-- Avon Publishers; c1962.-- (Avon ; G1198).</t>
  </si>
  <si>
    <t>The thousand doors / by Abraham Rothberg.-- Dell Publishing Co.; c1965.-- (Dell book ; 8818).</t>
  </si>
  <si>
    <t>The Dracula archives / Raymond Rudorff.-- Pocket book; 1973.-- (Pocket Books ; 77678).</t>
  </si>
  <si>
    <t>131/R82</t>
  </si>
  <si>
    <t>Kiss the girls and make them die / Charles W. Runyon.-- Pyramid Books; 1977.-- (Pyramid fiction original ; A3963).</t>
  </si>
  <si>
    <t>More than somewhat / by Damon Runyon.-- The Albatross; c1938.-- (The Albatross modern continental library ; 376).</t>
  </si>
  <si>
    <t>Prince of darkness / Ray Russell.-- Sphere Books; c1971.</t>
  </si>
  <si>
    <t>813.5/R89</t>
  </si>
  <si>
    <t>Sagittarius / Ray Russell.-- Playboy Press; c1971.-- (Playboy science fiction ; 16131).</t>
  </si>
  <si>
    <t>Unholy trinity : three short novels of Gothic terror / Ray Russell.-- Bantam Books; 1967.-- (Bantam's tales of supernatural horror ; H3428).</t>
  </si>
  <si>
    <t>The gilt-edged cockpit / Douglas Rutherford.-- Fontana; 1971.</t>
  </si>
  <si>
    <t>Skin for skin / Douglas Rutherford.-- Fontana; 1971.</t>
  </si>
  <si>
    <t>The fantastic in literature / by Eric S. Rabkin.-- Princeton University Press; c1976.</t>
  </si>
  <si>
    <t>809.387/R11</t>
  </si>
  <si>
    <t>The Eyes have it : the first Private Eye Writers of America anthology / edited by Robert J. Randisi.-- Mysterious Press; 1987, c1984.</t>
  </si>
  <si>
    <t>813.0872/R14</t>
  </si>
  <si>
    <t>Mean streets : the second Private Eye Writers of America anthology / edited by Robert J. Randisi.-- Mysterious Press; c1986.</t>
  </si>
  <si>
    <t>L'assassin maladroit : roman / René Reouven.-- Denoël; c1971.</t>
  </si>
  <si>
    <t>843.91/R27</t>
  </si>
  <si>
    <t>Contes fantastiques complets / Guy de Maupassant ;  édition établie, présentée et annotée par Anne Richter.-- Marabout; c1973.-- (Bibliothèque Marabout ; 464).</t>
  </si>
  <si>
    <t>843.8/Ma95</t>
  </si>
  <si>
    <t>The unspeakable by Stephen Ransome.-- Published for the Crime Club by Doubleday; c1960.</t>
  </si>
  <si>
    <t>823.91/R16</t>
  </si>
  <si>
    <t>The list of books /  Frederic Raphael, Kenneth McLeish.-- Harmony Books; 1981.</t>
  </si>
  <si>
    <t>011/R17</t>
  </si>
  <si>
    <t>Murder by microphone / John Reeves.-- Doubleday Canada.</t>
  </si>
  <si>
    <t>813.5/R23</t>
  </si>
  <si>
    <t>An International treasury of mystery &amp; suspense / selected and with an introduction by Marie R. Reno.-- Doubleday; c1983.</t>
  </si>
  <si>
    <t>808.83/R27</t>
  </si>
  <si>
    <t>The gold deadline : a whodunit / Herbert Resnicow.-- St. Martin's Press; c1984.</t>
  </si>
  <si>
    <t>Commander Amanda Nightingale / by George Revelli.-- Grove Press; c1968.</t>
  </si>
  <si>
    <t>Wagner, the wehr-wolf / by G. W. M. Reynolds ; edited by E. F. Bleiler ; with 24 ill. by Henry Anelay.-- Dover Publications; 1975.</t>
  </si>
  <si>
    <t>823.8/R29</t>
  </si>
  <si>
    <t>Perry-Rhodan-Lexikon / aus der Perry-Rhodan-Redaktion. Textbeiträge von H. G. Ewers und H. Scheer. Zusammengestellt und bearbeitet von H. Scheer..-- Moewig; c1971.</t>
  </si>
  <si>
    <t>833/Sc2</t>
  </si>
  <si>
    <t>Interview with the vampire : a novel / by Anne Rice.-- Knopf; 1976.</t>
  </si>
  <si>
    <t>Anne Rice's the Vampire Lestat : a graphic novel / adapted by Faye Perozich ; painted by Daerick Gross.-- Ballantine Books; c1991.</t>
  </si>
  <si>
    <t>813.5/R33/g</t>
  </si>
  <si>
    <t>The book of the dead / Robert Richardson.-- Gollancz; 1989.</t>
  </si>
  <si>
    <t>The collected ghost stories of Mrs. J. H. Riddell / selected and introduced by E. F. Bleiler.-- Dover Publications; c1977.</t>
  </si>
  <si>
    <t>823.8/R37</t>
  </si>
  <si>
    <t>Improbable fiction : the life of Mary Roberts Rinehart / Jan Cohn.-- University of Pittsburgh Press; c1980.</t>
  </si>
  <si>
    <t>813.5/R45/c</t>
  </si>
  <si>
    <t>The swimming pool / Mary Roberts Rinehart.-- Rinehart; c1952.</t>
  </si>
  <si>
    <t>The secret of the gold jaguar : a solve-the-puzzles adventure tale / Alan Robbins ; pbk..-- Putnam; c1985.-- (A Perigee book).</t>
  </si>
  <si>
    <t>793.9/R51</t>
  </si>
  <si>
    <t>The power / by Frank M. Robinson.-- F. B. Lippincott; c1956.</t>
  </si>
  <si>
    <t>One angel less / by H. W. Roden.-- Morrow; c1945.</t>
  </si>
  <si>
    <t>The truth about Dracula / Gabriel Ronay.-- Stein and Day; 1972.</t>
  </si>
  <si>
    <t>133.4/R66</t>
  </si>
  <si>
    <t>Speaking of murder : a melodrama / by Audrey and William Roos.-- Random house; c1957.</t>
  </si>
  <si>
    <t>812.5/R71</t>
  </si>
  <si>
    <t>The President's mystery plot / by Franklin Delano Roosevelt and [others] Illus. by Arnold Roth.-- Prentice-Hall; c1967.</t>
  </si>
  <si>
    <t>Rosenbach : a biography / by Edwin Wolf 2nd with John F. Fleming.-- World Publishing; c1960.</t>
  </si>
  <si>
    <t>002.07/W84</t>
  </si>
  <si>
    <t>Five passengers from Lisbon / by Mignon G. Eberhart. Wake for a lady, by H.W. Roden. The murder in the Stork club, by Vera Caspary.-- Published for the Detective book club by Walter J. Black; [1946].</t>
  </si>
  <si>
    <t>813.0872/E13</t>
  </si>
  <si>
    <t>Murder at Elaine's : a novel / by Ron Rosenbaum.-- Stonehill; c1978.</t>
  </si>
  <si>
    <t>Shadow of a lady / by Holly Roth.-- Simon and Schuster; 1957.-- (An Inner sanctum mystery).</t>
  </si>
  <si>
    <t>Button,button / by Holly Roth.-- Hamish Hamilton; 1967, c1966.</t>
  </si>
  <si>
    <t>Too many doctors / Holly Roth.-- Random House; c1962.-- (A Random House mystery).</t>
  </si>
  <si>
    <t>The science fiction book : an illustrated history / Franz Rottensteiner.-- Thames And Hudson; c1975.-- (A continuum book).</t>
  </si>
  <si>
    <t>809.387/R74</t>
  </si>
  <si>
    <t>Famous Crimes / by William Roughead.-- Faber and Faber; 1935.</t>
  </si>
  <si>
    <t>A capital crime / Alexandra Rodybush.-- Doubleday &amp; Company; 1969.</t>
  </si>
  <si>
    <t>813.5/R59</t>
  </si>
  <si>
    <t>Saint with a gun : the unlawful American private eye / William Ruehlmann ; : case, : pbk.-- New York University Press; 1974.</t>
  </si>
  <si>
    <t>813.0872/R82</t>
  </si>
  <si>
    <t>A history of the crusades / Steven Runciman ; 1, 2, 3.-- Penguin Books; 1965.</t>
  </si>
  <si>
    <t>823.91/R86/1</t>
  </si>
  <si>
    <t>823.91/R86/2</t>
  </si>
  <si>
    <t>823.91/R86/3</t>
  </si>
  <si>
    <t>The great travelers / edited, with introductions, by Milton Rogoff ; 1, 2.-- Simon and Schuster; 1960.</t>
  </si>
  <si>
    <t>910/R62/1</t>
  </si>
  <si>
    <t>910/R62/2</t>
  </si>
  <si>
    <t>The satanic verses / Salman Rushdie.-- Viking; 1988.</t>
  </si>
  <si>
    <t>823.91/R88</t>
  </si>
  <si>
    <t>Fago / Berton Roueché.-- Harper &amp; Row; c1977.</t>
  </si>
  <si>
    <t>The Holms Dracula file / by Fred Saberhagen.-- Ace Books; c1978.-- (Ace Science Fiction).</t>
  </si>
  <si>
    <t>813.5/Sa11</t>
  </si>
  <si>
    <t>A firework for oliver / John Sanders.-- Pan Books; 1964.-- (Pan books ; X568).</t>
  </si>
  <si>
    <t>The Golden Naginata / Jessica Amanda Salmonson ; illustrations by Wendy Adrian Shultz.-- Ace Books; c1982.-- (An ACE book).</t>
  </si>
  <si>
    <t>813.5/Sa55</t>
  </si>
  <si>
    <t>Night of the horns / Douglas Sanderson.-- Penguin in association with Secker &amp; Warburg; 1961.-- (Penguin books ; 1617).</t>
  </si>
  <si>
    <t>The Anderson tapes / by Lawrence Sanders.-- Dell; c1970.-- (A Dell book ; 0217).</t>
  </si>
  <si>
    <t>Understanding Mu / by Hans Stefan Satesson.-- Paperback Library; 1970.</t>
  </si>
  <si>
    <t>398.4/Sa83</t>
  </si>
  <si>
    <t>The destoyer : death check / by Richard Sapir &amp; Warren Murphy.-- Pinnacle Books; c1972.-- (Pinnacle Books ; P072-N).</t>
  </si>
  <si>
    <t>813.5/Sa68</t>
  </si>
  <si>
    <t>The destoyer : Chinese puzzle / by Richard Sapir &amp; Warren Murphy.-- Pinnacle Books; c1972.-- (Pinnacle Books ; P078-N).</t>
  </si>
  <si>
    <t>The destoyer : mafia fix / by Richard Sapir &amp; Warren Murphy.-- Pinnacle Books; c1972.-- (Pinnacle Books ; P104-N).</t>
  </si>
  <si>
    <t>The destoyer : Dr. Quake / by Richard Sapir &amp; Warren Murphy.-- Pinnacle Books; c1972.-- (Pinnacle Books ; P125-N).</t>
  </si>
  <si>
    <t>The destoyer : death therapy / by Richard Sapir &amp; Warren Murphy.-- Pinnacle Books; c1972.-- (Pinnacle Books).</t>
  </si>
  <si>
    <t>The destoyer : union bust / by Richard Sapir &amp; Warren Murphy.-- Pinnacle Books; c1973.-- (Pinnacle Books ; P149N).</t>
  </si>
  <si>
    <t>The destoyer : summit chase / by Richard Sapir &amp; Warren Murphy.-- Pinnacle Books; c1973.-- (Pinnacle Books ; P165N).</t>
  </si>
  <si>
    <t>The destoyer : murder's shield / by Richard Sapir &amp; Warren Murphy.-- Pinnacle Books; c1973.-- (Pinnacle Books).</t>
  </si>
  <si>
    <t>The destoyer : terror squad / by Richard Sapir &amp; Warren Murphy.-- Pinnacle Books; c1973.-- (Pinnacle Books).</t>
  </si>
  <si>
    <t>The destoyer : greated, the destoyer / by Richard Sapir &amp; Warren Murphy.-- Pinnacle Books; c1971.-- (Pinnacle Books).</t>
  </si>
  <si>
    <t>The destoyer : kill or cure / by Richard Sapir &amp; Warren Murphy.-- Pinnacle Books; c1973.-- (Pinnacle Books).</t>
  </si>
  <si>
    <t>The destoyer : slave safari / by Richard Sapir &amp; Warren Murphy.-- Pinnacle Books; c1973.-- (Pinnacle Books).</t>
  </si>
  <si>
    <t>The destoyer : acid rock / by Richard Sapir &amp; Warren Murphy.-- Pinnacle Books; c1973.-- (Pinnacle Books).</t>
  </si>
  <si>
    <t>The destoyer : jodgment day / by Richard Sapir &amp; Warren Murphy.-- Pinnacle Books; c1974.-- (Pinnacle Books).</t>
  </si>
  <si>
    <t>The destoyer : murder ward  / by Richard Sapir &amp; Warren Murphy.-- Pinnacle Books; c1974.-- (Pinnacle Books).</t>
  </si>
  <si>
    <t>Women of wonder : science fiction stories by women about women / edited with an introduction and notes by Pamela Sargent ; pbk., pbk..-- Penguin; 1978.</t>
  </si>
  <si>
    <t>808.83/Sa69</t>
  </si>
  <si>
    <t>Dark ways to death / by Peter Saxon.-- Mayflower; 1970.-- (A Mayflower Paperback).</t>
  </si>
  <si>
    <t>823.91/Sa98</t>
  </si>
  <si>
    <t>In the teeth of the evidence : and other stories / by Dorothy L. Sayers.-- Avon; c1943.-- (New Avon Library).</t>
  </si>
  <si>
    <t>The unpleasantness at the Bellona club / Dorothy L. Sayers.-- Penguin books; 1936.</t>
  </si>
  <si>
    <t>Strong poison / by Dorothy L. Sayers.-- Avon Publishing Co.; c1951.-- (Avon pocket size books ; 328).</t>
  </si>
  <si>
    <t>The nine tailors / Dorothy L. Sayers.-- Pocket Books; 1942.-- (Pocket book ; 185).</t>
  </si>
  <si>
    <t>The documents in the case / Dorothy L. Sayers and Robert Eustace.-- Avon Books; c1958.-- (Avon books ; N367).</t>
  </si>
  <si>
    <t>Crime on the coast / by John Dickson Carr. No flowers by request / Dorothy L. Sayers.-- Berkley Books; c1984.-- (Berkley Mystery).</t>
  </si>
  <si>
    <t>813.5/ C22</t>
  </si>
  <si>
    <t>Ask a policeman / by Dorothy L. Sayers, Anthony Berkeley and Milward Kennedy ; pbk..-- Berkley Books; c1983.-- (A Berkley Book).</t>
  </si>
  <si>
    <t>823.0872/A92</t>
  </si>
  <si>
    <t>Murder must advertise / Dorothy L. Sayers.-- Pocket Book; 1939.-- (Pocket Book ; 21).</t>
  </si>
  <si>
    <t>Clouds of witness / Dorothy L. Sayers.-- Pocket Book; 1940.-- (Pocket Book ; 85).</t>
  </si>
  <si>
    <t>The noose is drawn / by Willetta Ann Barber and R. F. Schabelitz.-- the Armed Service; c1945.-- (Armed services editions ; 1130).</t>
  </si>
  <si>
    <t>Shane / by Jack Schaefer.-- Bantam Books; 1950.-- (Bantam books ; 833).</t>
  </si>
  <si>
    <t>813.5/Sc1</t>
  </si>
  <si>
    <t>Structural fabulation : an essay on fiction of the future / Robert Scholes ; : pbk.-- University of Notre Dame Press; c1975.-- (Ward-Phillips lectures in English language and literature ; v. 7).</t>
  </si>
  <si>
    <t>823.087/Sc6</t>
  </si>
  <si>
    <t>Dr. Toby finds murder / by Sturges Mason Schley.-- Penguin; 1945, c1941.-- (Penguin books ; 555 . Penguin mysteries).</t>
  </si>
  <si>
    <t>813.5/Sc4</t>
  </si>
  <si>
    <t>Anatol ; living hours ; the green cockatoo / Arthur Schnitzler ; translated by Grace Isabel Colbron.-- Modern Library; c1917.</t>
  </si>
  <si>
    <t>832.8/Sc5</t>
  </si>
  <si>
    <t>The Berkley showcase / edited by Victoria Schochet &amp; John Silbersack ; 5.-- Berkley Books; 1982.-- (Berkley Science Fiction).</t>
  </si>
  <si>
    <t>808.83/B38</t>
  </si>
  <si>
    <t>The harder they fall / by Budd Schulberg.-- Bantam Books; c1947.-- (A Bantam Giant ; A1463).</t>
  </si>
  <si>
    <t>813.5/Sc8</t>
  </si>
  <si>
    <t>What next, Charlie Brown? / by Charles M. Schulz.-- Fawcett; c1959.-- (A Fawcett Crest Book ; R1955).</t>
  </si>
  <si>
    <t>741.5/Sc8</t>
  </si>
  <si>
    <t>You've done it again, Charlie Brown / by Charles M. Schulz.-- Fawcett; c1964.-- (A Fawcett Crest Book ; R1940).</t>
  </si>
  <si>
    <t>Some unknown person / Sandra Scoppetone.-- Bantam Books; 1977.-- (Bantam books).</t>
  </si>
  <si>
    <t>813.5/Sc9</t>
  </si>
  <si>
    <t>The whispering cup / Mabel Seeley.-- Pyramid Books; 1966, c1940.-- (Pyramid Mystery ; N3001).</t>
  </si>
  <si>
    <t>813.5/Se15</t>
  </si>
  <si>
    <t>Rod Serling's triple W : withces, warlocks and werewolves.-- Bantam Books; 1963.-- (Bantam books ; J2623).</t>
  </si>
  <si>
    <t>808.83/Se83</t>
  </si>
  <si>
    <t>The formula / by Steve Shagan.-- Bantam Books; 1980.-- (Bantam books).</t>
  </si>
  <si>
    <t>813.5/Sh11</t>
  </si>
  <si>
    <t>Perfect murder / Shakuntala Devi.-- Orient Paperbacks; c1976.</t>
  </si>
  <si>
    <t>823.91/D66</t>
  </si>
  <si>
    <t>Puzzle to puzzle you / Shakuntala Devi.-- Orient Paperbacks; c1979.</t>
  </si>
  <si>
    <t>793/D66</t>
  </si>
  <si>
    <t>Streets of death / by Dell Shannon.-- Keyhole Crime; 1981.-- (Keyhole Crime ; 5).</t>
  </si>
  <si>
    <t>813.5/Sh12</t>
  </si>
  <si>
    <t>Death of a busybody / by Dell Shannon.-- Keyhole Crime; 1981.-- (Keyhole Crime ; 23).</t>
  </si>
  <si>
    <t>Whitmore / Fred C. Shapiro.-- Pyramid Publications; 1970.-- (Pyramid nonfiction ; N2275).</t>
  </si>
  <si>
    <t>The sealed verdict / by Lionel Shapiro.-- Bantam Books; 1948.-- (Bantam book ; 357).</t>
  </si>
  <si>
    <t>The unsolved case of Sherlock Holmes : can you solve it? / Allen Sharp ; pbk..-- Cambridge University Press; 1984.-- (Storytrails).</t>
  </si>
  <si>
    <t>793/Sh13</t>
  </si>
  <si>
    <t>The hard-boiled ominibus / edited by Joseph T. Shaw.-- Pocket Book; 1952.-- (Pocket Book ; 875).</t>
  </si>
  <si>
    <t>808.83/Sh13</t>
  </si>
  <si>
    <t>Aunt beardie / by Joseph Shearing.-- c1940.-- (Armed Services editions ; 923).</t>
  </si>
  <si>
    <t>823.91/Sh14</t>
  </si>
  <si>
    <t>So evil my love / Joseph Shearing.-- Pocket Book; 1948.-- (Pocket book ; 560).</t>
  </si>
  <si>
    <t>The blacking factory and Pennsylvania Gothic : a short novel and a long story / Wilfrid Sheed ; pbk.-- Penguin; 1973.</t>
  </si>
  <si>
    <t>813.5/Sh14</t>
  </si>
  <si>
    <t>Citizen in space / by Robert Sheckley.-- Ballantine Books; c1955.-- (Ballantine books ; 126).</t>
  </si>
  <si>
    <t>The game of X / by Robert Sheckley.-- Dell Publishing Co.; c1965.-- (Dell book ; 2788).</t>
  </si>
  <si>
    <t>Live gold / by Robert Sheckley.-- Bantam Books; c1962.-- (Bantam books ; J2401).</t>
  </si>
  <si>
    <t>Calibre .50 / by Robert Sheckley.-- Bantam Books; c1961.-- (Bantam books ; A2216).</t>
  </si>
  <si>
    <t>White death / by Robert Sheckley.-- Bantam Books; c1963.-- (Bantam books ; J2685).</t>
  </si>
  <si>
    <t>Frankenstein / Mary Wollstonecraft Shelley.-- Scholastic Book Service; 1974.</t>
  </si>
  <si>
    <t>823.7/Sh14</t>
  </si>
  <si>
    <t>Frankenstein : or, the modern Prometheus / Mary Shelley ; with an afterword by Harold Bloom.-- New American Library; 1965.-- (Signet classics).</t>
  </si>
  <si>
    <t>The half hunter / John Sherwood.-- Penguin; 1964, c1961.-- (Penguin books ; C2078).</t>
  </si>
  <si>
    <t>Pattern for murder / by Ione Sandberg Shriber.-- Editions for the Armed Services; 1944.-- (Armed services editions ; 798).</t>
  </si>
  <si>
    <t>813.5/Sh98</t>
  </si>
  <si>
    <t>Anyone's my name : a novel / by Seymour Shubin.-- Permabooks ,c1953.-- (Perma books ; M-4004).</t>
  </si>
  <si>
    <t>813.5/Sh99</t>
  </si>
  <si>
    <t>Landfall / Nevil Shute.-- Pan Books; 1962.-- (Pan books).</t>
  </si>
  <si>
    <t>823.91/Sh99</t>
  </si>
  <si>
    <t>Pastoral / Nevil Shute.-- Pan; 1964.</t>
  </si>
  <si>
    <t>Marazan / Nevil Shute.-- Pan Books; 1964.-- (Pan books).</t>
  </si>
  <si>
    <t>In the wet / Nevil Shute.-- Pan Books; 1969.-- (Pan books).</t>
  </si>
  <si>
    <t>Echo of a bomb / by Van Siller.-- Novel Serections; c1943.-- (The Mystery Novel Classic).</t>
  </si>
  <si>
    <t>813.5/Si4</t>
  </si>
  <si>
    <t>The man who watched the trains go by / Georges Simenon ; translated by Stuart Gilbert.-- Penguin; 1964, c1942.-- (Penguin books ; 2150).</t>
  </si>
  <si>
    <t>Inspector Maigret and the killers / Georges Simenon ; translated from the French by Louise Varèse.-- New American Library; c1954.-- (A Signet Book ; 1248).</t>
  </si>
  <si>
    <t>Inspector Maigret and the killers / Georges Simenon ; translated from the French by Louise Varèse.-- New American Library; c1954.-- (A Signet Book).</t>
  </si>
  <si>
    <t>Inspector Maigret in New York's underworld / Georges Simenon ; translated from the French by Andrienne Foulke.-- New American Library; c1955.-- (A Signet Book ; 1338).</t>
  </si>
  <si>
    <t>Inspector Maigret in New York's underworld / Georges Simenon ; translated from the French by Andrienne Foulke.-- New American Library; c1955.-- (A Signet Book ; D2578).</t>
  </si>
  <si>
    <t>Belle / Georges Simenon ; translated from the French by Louise Varèse.-- New American Library; c1954.-- (A Signet Book ; 1124).</t>
  </si>
  <si>
    <t>The snow was blsck / Georges Simenon ; translated from the French by Louise Varèse.-- New American Library; c1950.-- (A Signet Book ; 855).</t>
  </si>
  <si>
    <t>The brother Rico / Georges Simenon ; translated from the French by Ernst Pawel.-- New American Library; c1954.-- (A Signet Book ; 1109).</t>
  </si>
  <si>
    <t>The methods of Maigret / by Georges Simenon.-- Bantam Books; c1956.-- (A Bantam Mystery ; A2063).</t>
  </si>
  <si>
    <t>The magician / by Georges Simenon.-- The Berkley Publishing; c1956.-- (Berkley Books ; 351).</t>
  </si>
  <si>
    <t>The meaning of evolution / by George Gaylord Simpson.-- A special rev. and abridged ed..-- New American Library; c1951.-- (A Mentor book ; M66).</t>
  </si>
  <si>
    <t>575/Si7</t>
  </si>
  <si>
    <t>The end of the web / George Sims.-- Penguin; 1978, c1976.</t>
  </si>
  <si>
    <t>The sand dollar / George Sims.-- Penguin; 1972.-- (Penguin books ; [3369]).</t>
  </si>
  <si>
    <t>The first Simenon omnibus / Georges Simenon.-- Penguin; 1970.-- (Penguin crime books).</t>
  </si>
  <si>
    <t>The second Simenon omnibus / Georges Simenon.-- Penguin; 1965.-- (Penguin books).</t>
  </si>
  <si>
    <t>The third Simenon omnibus / Georges Simenon.-- Penguin; 1975.-- (Penguin crime fiction).</t>
  </si>
  <si>
    <t>The fourth Simenon omnibus / Georges Simenon.-- Penguin; 1967.-- (Penguin crime fiction).</t>
  </si>
  <si>
    <t>The fifth Simenon omnibus.-- Penguin; 1972.</t>
  </si>
  <si>
    <t>Sixth simenon omnibus / Georges Simenon.-- Penguin; [1971].-- (Penguin books ; [3542]).</t>
  </si>
  <si>
    <t>The ninth Simenon omnibus / [by] Georges Simenon.-- Penguin; 1976.-- (Penguin crime fiction).</t>
  </si>
  <si>
    <t>The tenth Simenon omnibus / [by] Georges Simenon.-- Penguin; 1976.-- (Penguin crime fiction).</t>
  </si>
  <si>
    <t>Maigret and the headless corpse / Georges Simenon ; translated from the French by Eilen Ellenbogen.-- Avon Books; c1967.-- (Avon Classic Crime Collection ; PN339).</t>
  </si>
  <si>
    <t>Maigret in Vichy / Georges Simenon ; translated from the French by Eilen EllenBogen.-- Avon Books; c1967.-- (Avon Classic Crime Collection ; PN330).</t>
  </si>
  <si>
    <t>Che les flamnds / Georges Simenon.-- Le Livre de Poche; 1973.-- (Le Livre de poche ; 2927).</t>
  </si>
  <si>
    <t>L'affaire Saint Fiacre / Georges Simenon.-- Le Livre de Poche; 1972.-- (Le Livre de poche ; 2904).</t>
  </si>
  <si>
    <t>Maigret et Monsieur Charles / Georges Simenon.-- Presses dela Cité; c1972.</t>
  </si>
  <si>
    <t>L'affaire Saint-Fiacre / Georges Simenon.-- Presses Pocket; 1985.</t>
  </si>
  <si>
    <t>Murder by death / H.R.F. Keating.-- Wyndham Publications; 1976.</t>
  </si>
  <si>
    <t>London by night / by George R. Sims.-- Greening; 1910.</t>
  </si>
  <si>
    <t>823.8/Si7</t>
  </si>
  <si>
    <t>Roseanna / by Maj Sjöwall and Per Wahlöö ; translated from the Swedish by Lois Roth.-- Bantam Books; 1967.-- (Bantam books).</t>
  </si>
  <si>
    <t>839.7/Si9</t>
  </si>
  <si>
    <t>The man on the balcony / by Maj Sjöwall and Per Wahlöö ; translated from the Swedish by Alan Blair.-- Bantam Books; 1969.-- (Bantam books).</t>
  </si>
  <si>
    <t>The locked room : the story of a crime / Maj Sjöwall and Per Wahlöö ; translated from the Swedish by Paul Britten Austin.-- Penguin; 1977.</t>
  </si>
  <si>
    <t>Den vedervärdige mannen från såffle / Maj Sjöwall och Per Wahlöö.-- Bokförlaget Pan/Norstedts; 1972.</t>
  </si>
  <si>
    <t>I'm trying to give it up / Desmond Skirrow.-- Corgi Books; 1970.-- (Corgi Books).</t>
  </si>
  <si>
    <t>823.91/Sk</t>
  </si>
  <si>
    <t>The curious death of Marilyn Monroe / by Robert F. Slatzer.-- Pinnacle Books; c1974.-- (Pinnacle Books).</t>
  </si>
  <si>
    <t>791.43/Mo36/s</t>
  </si>
  <si>
    <t>Reverend Randollph and the holy terror / Charles Merrill Smith.-- Avon Books; c1980.-- (Avon Books ; 60707).</t>
  </si>
  <si>
    <t>813.5/Sm5</t>
  </si>
  <si>
    <t>The case of torches / Clark Smith.-- Penguin; 1963.-- (Penguin books ; 1710).</t>
  </si>
  <si>
    <t>823.91/Sm5</t>
  </si>
  <si>
    <t>Out of space &amp; time / Clark Ashton Smith ; pbk.-- Panther; 1974.</t>
  </si>
  <si>
    <t>The abominations of Yondo / Clark Ashton Smith ; pbk.-- Panther; 1974.</t>
  </si>
  <si>
    <t>Zothique / Clark Ashton Smith.-- Ballantine Books; c1970.-- (Ballantine books).</t>
  </si>
  <si>
    <t>Poseidonis / Clark Ashton Smith ; introduction by Lin Carter.-- Ballantine Books; c1970.-- (Ballantine books).</t>
  </si>
  <si>
    <t>Xiccarph / Clark Ashton Smith ; introduction by Lin Carter.-- Ballantine Books; c1972.-- (Ballantine books).</t>
  </si>
  <si>
    <t>Hyperborea / Clark Ashton Smith ; introduction by Lin Carter.-- Ballantine Books; c1971.-- (Ballantine books).</t>
  </si>
  <si>
    <t>The flaw in the crystal / Godfrey Smith.-- Penguin Books; 1963.-- (Penguin Crime).</t>
  </si>
  <si>
    <t>Space plague / George O. Smith.-- Avon Books; c1956.-- (An Avon Book ; T-180).</t>
  </si>
  <si>
    <t>The padrone / Don Smith.-- Fawcett Publications; c1971.-- (Fawcett gold medal book ; T2394).</t>
  </si>
  <si>
    <t>Jacoby's first case / by J.C.S. Smith.-- New American Library; c1980.-- (Signet books ; AE3483).</t>
  </si>
  <si>
    <t>Strange fruit / by Lillian Smith.-- New American Library; 1948.-- (A Signet book ; 665).</t>
  </si>
  <si>
    <t>Avenger! / Mark Smith and Jamie Thompson ; illustrated by Bob Harvey ; pbk.-- Knight; 1985.-- (Way of the tiger).</t>
  </si>
  <si>
    <t>793/Sm5</t>
  </si>
  <si>
    <t>Assassin! / Mark Smith and Jamie Thompson ; illustrated by Bob Harvey. ; pbk.-- Knight; 1985.-- (Way of the tiger).</t>
  </si>
  <si>
    <t>Gypsy in amber / Martin Smith.-- Dell; c1971.-- (Dell Book ; 3341).</t>
  </si>
  <si>
    <t>Getting into Deep throat / Richard N. Smith.-- Berkley Publishing Co.; 1973.</t>
  </si>
  <si>
    <t>791.43/Sm5</t>
  </si>
  <si>
    <t>Come and be killed! / by Shelley Smith ; pbk..-- Academy Chicago Publishers; 1985, c1947.</t>
  </si>
  <si>
    <t>The woman in the sea / Shelley Smith.-- Pan Books; 1953.-- (Pan books ; K258).</t>
  </si>
  <si>
    <t>The ballad of the running man / by Shelley Smith.-- Popular Library; 1963, c1961.-- (Popular Library ; K48).</t>
  </si>
  <si>
    <t>Man alone / by Shelley Smith.-- Published for the crime club by Collins; 19--.-- (A white circle crime club ; 239c).</t>
  </si>
  <si>
    <t>A coat of varnish / C.P. Snow ; pbk..-- Charles Scribner's Sons; 1988, c1979.</t>
  </si>
  <si>
    <t>823.91/Sn</t>
  </si>
  <si>
    <t>Death under sail / C.P. Snow.-- Avon Books; [1970], c1959.-- (Avon classic crime collection ; PN278).</t>
  </si>
  <si>
    <t>One day in the life of Ivan Denisovich / by Alexander Solzhenitsyn ; translated from the Russian by Ralph Parker ; with an introduction by Marvin L. Kalb.-- The New American Library; c1963.-- (A Signet books ; P2295).</t>
  </si>
  <si>
    <t>891.73/So35</t>
  </si>
  <si>
    <t>Candy : a novel / by Terry Southern and Mason Hoffenberg ; : pbk..-- G.P. Putnam's Sons; [1965], c1964.</t>
  </si>
  <si>
    <t>813.5/So73</t>
  </si>
  <si>
    <t>The dark light / by Bart Spicer.-- The American Mercury; c1949.-- (Bestseller mystery ; B127).</t>
  </si>
  <si>
    <t>The day of the dead / by Bart Spicer.-- Dell Publishing; c1955.-- (Dell book ; 909).</t>
  </si>
  <si>
    <t>The golden door / by Bart Spicer.-- Bantam Books; [1952], c1951.-- (A Bantam book ; 975).</t>
  </si>
  <si>
    <t>Black sheep, run / by Bart Spicer.-- Bantam Books; 1952, c1951.-- (A Bantam book ; 1049).</t>
  </si>
  <si>
    <t>The long green / by Bart Spicer.-- Bantam Books; 1953, c1952.-- (A Bantam book ; 1126).</t>
  </si>
  <si>
    <t>I, the jury / by Mickey Spillane.-- New American Library; [1948], c1947.-- (A Signet book ; 699).</t>
  </si>
  <si>
    <t>My gun is quick / by Mickey Spillane.-- New American Library; c1950.-- (A Signet book ; 791).</t>
  </si>
  <si>
    <t>Vengeance is mine / by Mickey Spillane.-- New American Library; [1951], c1950.-- (A Signet book ; 852).</t>
  </si>
  <si>
    <t>One lonely night / by Mickey Spillane.-- New American Library; c1951.-- (A Signet book ; 888).</t>
  </si>
  <si>
    <t>The long wait / by Mickey Spillane.-- New American Library; [1952], c1951.-- (A Signet book ; 932).</t>
  </si>
  <si>
    <t>Kiss me, deadly / by Mickey Spillane.-- New American Library; [1953], c1952.-- (A Signet book ; 1000).</t>
  </si>
  <si>
    <t>The girl hunters / by Mickey Spillane.-- New American Library; [1963], c1962.-- (A Signet book ; 2266).</t>
  </si>
  <si>
    <t>The snake / Mickey Spillane.-- New American Library; c1964.-- (A Signet book ; D2548).</t>
  </si>
  <si>
    <t>Day of the guns / Mickey Spillane.-- New American Library; [1965], c1964.-- (A Signet book ; D2643).</t>
  </si>
  <si>
    <t>Bloody sunrise / Mickey Spillane.-- New American Library; c1965.-- (A Signet book ; D2718).</t>
  </si>
  <si>
    <t>The by-pass control / Mickey Spillane.-- New American Library; c1965.-- (A Signet book ; P3077).</t>
  </si>
  <si>
    <t>The erection set / by Mickey Spillane.-- New American Library; c1972.-- (A Signet novel ; Y5291).</t>
  </si>
  <si>
    <t>Fallait pas commencer! / Mickey Spillane ;[Traduction de G.M.Dumoulin].-- Presses de la Cité; c1951.-- (Un mystère ; 54).</t>
  </si>
  <si>
    <t>Skeleton staff / Elizabeth Ferrars.-- Dell Publishing Co.; [1973], c1969.-- (A Dell Book ; 8061).</t>
  </si>
  <si>
    <t>Murder by prescription : a Dr. Westlake mystery / by Jonathan Stagge.-- Popular Library; c1938.-- (A Popular library ; 52).</t>
  </si>
  <si>
    <t>Driftwood valley / by Theodora C. Stanwell-Fletcher.-- Editions for the Armed Services; c1946.-- (Armed services editions ; 1212).</t>
  </si>
  <si>
    <t>508.7/St2</t>
  </si>
  <si>
    <t>Last and first men, and Last men in London / Olaf Stapledon.-- Penguin Books; 1972.</t>
  </si>
  <si>
    <t>823.91/St2</t>
  </si>
  <si>
    <t>The private life of Sherlock Holmes / by Vincent Starrett.-- Pinnacle Books; c1975.</t>
  </si>
  <si>
    <t>The Vorovich affair / S. L. Stebel.-- Penguin Books; 1977, c1975.-- (Penguin crime fiction).</t>
  </si>
  <si>
    <t>813.5/St3</t>
  </si>
  <si>
    <t>The tower / Richard Martin Stern.-- Pan Books; 1974.</t>
  </si>
  <si>
    <t>The evil of the day / Thomas Sterling.-- Grove Press; c1955.-- (A Black Cat Book ; BA-48).</t>
  </si>
  <si>
    <t>Ice blues : a Donald Strachey mystery / Richard Stevenson ; : pbk.-- Penguin Books; 1987, c1986.-- (Penguin crime fiction).</t>
  </si>
  <si>
    <t>Kidnapped / Robert Louis Stevenson.-- Pyramid Books; 1966.-- (Pyramid books ; R-1407).</t>
  </si>
  <si>
    <t>823.8/St5</t>
  </si>
  <si>
    <t>The acupuncture murders / Dwight Steward.-- Penguin; 1977.</t>
  </si>
  <si>
    <t>The acupuncture murders / Dwight Steward.-- Warner Paperback Library; 1974, c1973.-- (Warner paperback library).</t>
  </si>
  <si>
    <t>The moon-spinners / by Mary Stewart.-- Fawcett; c1964.-- (A Fawcett crest book).</t>
  </si>
  <si>
    <t>823.91/St5</t>
  </si>
  <si>
    <t>Airs above the ground / Mary Stewart.-- Fawcett; c1965.-- (A Fawcett crest book ; T-969).</t>
  </si>
  <si>
    <t>Thunder on the right / by Mary Stewart.-- Fawcett Publications; c1957.-- (Crest book ; d508).</t>
  </si>
  <si>
    <t>Wildfire at midnight / by Mary Stewart.-- Fawcett; 1963, c1956.-- (Crest book ; d563).</t>
  </si>
  <si>
    <t>The time raider / R.L. Stine.-- Scholastic Book services; c1982.</t>
  </si>
  <si>
    <t>The lair of the white worm / Bram Stoker.-- Arrow Books; 1974.</t>
  </si>
  <si>
    <t>Dracula / Bram Stoker.-- Perma Books; 1947.-- (Perma Books ; M4088).</t>
  </si>
  <si>
    <t>Dracula / by Bram Stoker.-- Jove Publications; c1979.-- (A Jove Book ; K5347).</t>
  </si>
  <si>
    <t>A biography of Bram Stoker create of Dracula / Harry Ludlam.-- New English Library; c1962.-- (New English Library ; 31152).</t>
  </si>
  <si>
    <t>823.8/St7/l</t>
  </si>
  <si>
    <t>The girl with the hole in her head / Hampton Stone.-- The American Mystery; 19--.-- (Mercury Mystery ; 149).</t>
  </si>
  <si>
    <t>The dragon's eye / by Scott C.S. Stone.-- Fawcett; c1969.-- (Crest book ; R2157).</t>
  </si>
  <si>
    <t>Trouble in triplicate : a Nero Wolfe threesome / Rex Stout.-- Bantam Books; 1951.-- (Bantam books ; 1394).</t>
  </si>
  <si>
    <t>The black mountain : a Nero Wolfe novel / by Rex Stout.-- Bantam Books; 1955.-- (Bantam books ; 1386).</t>
  </si>
  <si>
    <t>The rubber band / Rex Stout.-- Pocket book; 1943.-- (Pocket books ; 208).</t>
  </si>
  <si>
    <t>The silent speaker / Rex Stout.-- Armed Service; c1946.-- (Armed Service Edition ; 1222).</t>
  </si>
  <si>
    <t>Too many cooks / Rex Stout.-- Dell; c1938.-- (Dell Book ; 540).</t>
  </si>
  <si>
    <t>The case of the black orchids / Rex Stout.-- Avon; c1942.-- (Avon ; 714).</t>
  </si>
  <si>
    <t>Too many women / Rex Stout.-- Bantam Books; c1947.-- (A Bantam book ; 1395).</t>
  </si>
  <si>
    <t>Fer-de-lance / Rex Stout.-- Penguin Books; 1955.-- (Penguin books ; 1080).</t>
  </si>
  <si>
    <t>The Mountain cat murders / by Rex Stout.-- Dell; c1939.-- (Dell Book ; D252).</t>
  </si>
  <si>
    <t>Prisoner's base : A Nero Wolfe Mystery / Rex Stout.-- Bantam Books; 1955, c1952.-- (A Bantam book ; Q2190).</t>
  </si>
  <si>
    <t>The final deduction : A Nero Wolfe mystery / by Rex Stout.-- Bantam Books; 1963, c1955.-- (A Bantam book ; mystery).</t>
  </si>
  <si>
    <t>Too many women : a Nero Wolfe mystery / Rex Stout.-- Bantam Books; 1949, c1947.-- (A Bantam book ; Q6301).</t>
  </si>
  <si>
    <t>Where there's a will / Rex Stout.-- Avon Books; 1941, c1940.-- (Avon classic crime collection ; PN293).</t>
  </si>
  <si>
    <t>European tales of terror / edited by J.J. Strating.-- collins; 1968.-- (Fontana books ; 1852).</t>
  </si>
  <si>
    <t>808.83/St8</t>
  </si>
  <si>
    <t>Sea tales of terror / edited by J.J. Strating.-- Collins Fontana Books; 1974.-- (Fontana books ; 3504).</t>
  </si>
  <si>
    <t>The beast with the red hands / by Sidney Stuart.-- Popular Library; c1973.-- (Frankenstein Horror series).</t>
  </si>
  <si>
    <t>Dear Laura : a Victorian mystery / Jean Stubbs.-- Penguin; 1974, c1973.</t>
  </si>
  <si>
    <t>The Penguin supernatural omnibus : being a collection of stories of apparitions, witchcraft, werewolves, diabolism, necromancy, satanism, divination, sorcery, goety, voodoo, possession, occult, doom and destiny / edited with an introduction by Montague Summers ; 1, 2.-- Penguin; 1976.</t>
  </si>
  <si>
    <t>823.087/Su67/1</t>
  </si>
  <si>
    <t>823.087/Su67/2</t>
  </si>
  <si>
    <t>The 31st of February /  by Julian Symons.-- Bantam Books; 1953, c1950.-- (A Bantam book ; 1059).</t>
  </si>
  <si>
    <t>The progress of a crime  /  by Julian Symons.-- Doubleday; 1962, c1960.-- (Dolphin books ; C370).</t>
  </si>
  <si>
    <t>The end of Solomon Grundy  /  by Julian Symons.-- Harper &amp; Row; 1965, c1964.-- (A perennial book ; P 4011 B).</t>
  </si>
  <si>
    <t>The Belting inheritance  /  Julian Symons.-- Tramsworld Publishers; 1970, c1965.-- (Corgi books ; crime).</t>
  </si>
  <si>
    <t>The players and the game / Julian Symons.-- Penguin; 1974, c1972.-- (Penguin books ; crime).</t>
  </si>
  <si>
    <t>A three pipe problem / Julian Symons.-- Penguin; 1974, c1972.-- (Penguin books ; crime).</t>
  </si>
  <si>
    <t>The Blackheath poisonings : a Victorian murder mystery / by Julian Symons.-- Penguin; 1980, c1978.-- (Penguin books ; crime).</t>
  </si>
  <si>
    <t>Sweet Adelaide / Julian Symons.-- Penguin; 1981, c1980.-- (Penguin books ; crime).</t>
  </si>
  <si>
    <t>L'assassin habite au 21 / Stanislas-André Steeman.-- Le Livre de Poche; c1965.-- (Le livre de poche ; 1449).</t>
  </si>
  <si>
    <t>843.91/St3</t>
  </si>
  <si>
    <t>Quai des orfèvres / Stanislas-André Steeman.-- Le Livre de Poche; c1967.-- (Le livre de poche ; 2151).</t>
  </si>
  <si>
    <t>Un dans trois   / Stanislas-André Steeman.-- Librairie des Champs-Élysées; c1935.-- (Le livre de poche ; 2464).</t>
  </si>
  <si>
    <t>Le condamné meurt à cinq heures / Stanislas-André Steeman.-- Le Livre de Poche; c1970.-- (Le livre de poche ; 2820).</t>
  </si>
  <si>
    <t>Autopsie d'un viol : roman / Stanislas-André Steeman.-- Denoël; c1964.-- (Le livre de poche ; 2865).</t>
  </si>
  <si>
    <t>Le mannequin assassiné / Stanislas-André Steeman.-- Le  Livre de poche; c1971.-- (Le livre de poche ; 3138).</t>
  </si>
  <si>
    <t>Que personne ne sorte / Stanislas-André Steeman.-- Le  Livre de poche; c1973.-- (Le livre de poche ; 3552).</t>
  </si>
  <si>
    <t>Un sacrée salade / Cecil Saint-Laurent.-- La Table Ronde; c1954.-- (Le livre de poche ; 2833).</t>
  </si>
  <si>
    <t>843.91/Sa22</t>
  </si>
  <si>
    <t>Juve contre Fantomas  / Pierre Souvestre et Marcel Allain.-- Robert Laffont; c1961.-- (Le livre de poche ; 2215).</t>
  </si>
  <si>
    <t>Fantômas se venge / Pierre Souvestre et Marcel Allain ; Texte définitif revu par Marcel Allain.-- Robert Laffont; c1961.-- (Le livre de poche ; 2342).</t>
  </si>
  <si>
    <t>Science fiction and fantasy : 26 classic and contemporary stories / [edited by] Fred Obrecht.-- Barron's Educational Series; c1977.</t>
  </si>
  <si>
    <t>808.83/O14</t>
  </si>
  <si>
    <t>Stories for the dead of night / edited by Don Congdon.-- Dell Publishing Co.; c1957.-- (Laurel-leaf library ; 8295).</t>
  </si>
  <si>
    <t>808.83/C86</t>
  </si>
  <si>
    <t>The doorbell rang : a Nero Wolfe novel / Rex Stout.-- Viking largetype editioon.-- Viking Press; 1968, c1965.</t>
  </si>
  <si>
    <t>The great detectives : seven original investigations / Julian Symons ; illustrated by Tom Adams.-- Orbis; 1981.</t>
  </si>
  <si>
    <t>The falling man / by Mark Sadler.-- Random House; c1970.</t>
  </si>
  <si>
    <t>813.5/Sa13</t>
  </si>
  <si>
    <t>Here to die / by Mark Sadler.-- Random House; c1971.</t>
  </si>
  <si>
    <t>76 short stories, comprising Reginald, The chronicles of Clovis, The toys of peace / by Saki ; with an introduction by E.V. Knox..-- Collins; 1956.-- (Collins  classics ; 609).</t>
  </si>
  <si>
    <t>823.91/Sa42</t>
  </si>
  <si>
    <t>The novels and plays of Saki.-- The Viking press; 1944.</t>
  </si>
  <si>
    <t>823.8/Sa42</t>
  </si>
  <si>
    <t>The short stories of Saki.-- The Viking press; 1945.</t>
  </si>
  <si>
    <t>Yesterday's faces : a study of series characters in the early pulp magazines / Robert Sampson ; v. 2 : hard - v. 5 : pbk.-- Bowling Green University Popular Press.</t>
  </si>
  <si>
    <t>813.087/Sa58/2</t>
  </si>
  <si>
    <t>Bull-dog Drummond : his four rounds with Carl Peterson / as described by Sapper.-- Hodder and Stoughton; 19--.</t>
  </si>
  <si>
    <t>The castle story / Sheila Sancha.-- Penguin; 1981, c1979.-- (Penguin books).</t>
  </si>
  <si>
    <t>941/Sa61</t>
  </si>
  <si>
    <t>Secret agents in fiction : Ian Fleming, John le Carré, and Len Deighton / Lars Ole Sauerberg.-- St. Martin's Press; c1984.</t>
  </si>
  <si>
    <t>823.0872/Sa91</t>
  </si>
  <si>
    <t>The unpleasantness at the Bellona Club / by Dorothy L. Sayers.-- 1st 2/6 ed.-- V. Gollancz; 1935.</t>
  </si>
  <si>
    <t>The remarkable case of Dorothy L. Sayers / Catherine Kenney ; : pbk.-- Kent State University Press; 1990.</t>
  </si>
  <si>
    <t>823.91/Sa99/k</t>
  </si>
  <si>
    <t>Such a strange lady : a biography of Dorothy L. Sayers / Janet Hitchman.-- Harper &amp; Row; c1975.</t>
  </si>
  <si>
    <t>Five red herrings / by Dorothy L. Sayers.-- 7th ed.-- Victor Gollancz; 1934, c1931.</t>
  </si>
  <si>
    <t>Whose body? / by Dorothy L. Sayers.-- 4th ed.-- Victor Gollangz; 1937.</t>
  </si>
  <si>
    <t>The new Sayers omnibus.-- Victor Gollancz; 1956.</t>
  </si>
  <si>
    <t>The Beacon Hill murders / by Roger Scarlett.-- Pub. for The Crime club, inc., by Doubleday, Doran &amp; company, inc.; 1930.</t>
  </si>
  <si>
    <t>The Beacon Hill murders / by Roger Scarlett.-- William Heinemann; 1930.</t>
  </si>
  <si>
    <t>The gospel lamb / Jack Scott.-- Collins [for] the Crime Club; 1980.</t>
  </si>
  <si>
    <t>823.91/Sc9</t>
  </si>
  <si>
    <t>Between the elephant's eyes! / Robert L. Scott ; illustrated by Frank Hubbard.-- Dodd, Mead; 1954.</t>
  </si>
  <si>
    <t>799.2/Sc9</t>
  </si>
  <si>
    <t>The book of coffee &amp; tea : a guide to the appreciation of fine coffees, teas, and herbal beverages / Joel, David, &amp; Karl Schapira ; illustrated by Meri Shardin.-- St. James Press; c1975.</t>
  </si>
  <si>
    <t>641/Sc1</t>
  </si>
  <si>
    <t>The Wimsey family : a fragmentary history compiled from correspondence with Dorothy L. Sayers / by C. W. Scott-Giles.-- Harper &amp; Row; c1977.</t>
  </si>
  <si>
    <t>823.91/Sa99/s</t>
  </si>
  <si>
    <t>Tea / Jamie Shalleck.-- Viking Press; 1972.</t>
  </si>
  <si>
    <t>641/Sh12</t>
  </si>
  <si>
    <t>The Frankenstein diaries / translated from the original German and edited by Hubert Venables.-- Viking Press; 1980.</t>
  </si>
  <si>
    <t>823.8/Sh14/v</t>
  </si>
  <si>
    <t>The Tokyo zodiac murders : detective Mitarai's casebook / Soji Shimada ; translated by Ross and Shika Mackenzie.-- IBC Publishing.</t>
  </si>
  <si>
    <t>895.65/Sh36</t>
  </si>
  <si>
    <t>The ghost : a legend / Clara Sicard.-- Arno Press; 1976.-- (Supernatural and occult fiction ; [58]).</t>
  </si>
  <si>
    <t>808.83/Si1</t>
  </si>
  <si>
    <t>The mystery of Georges Simenon : a biography / Fenton Bresler.-- Beaufort Books; c1983.</t>
  </si>
  <si>
    <t>843.91/Si5/b</t>
  </si>
  <si>
    <t>Simenon / Francis Lacassin, Gilbert Sigaux ; avec la collaboration de Richard Austin ... [et al.] ; témoignages de Emmanuel d'Astier de La Vigerie ... [et al.].-- Plon; 1973.</t>
  </si>
  <si>
    <t>843.91/Si5/s</t>
  </si>
  <si>
    <t>The avenging ray / Austin J. Small.-- Pub. for The Crime Club, inc., by Doubleday, Doran &amp; company, inc.; 1930.</t>
  </si>
  <si>
    <t>823.91/Sm1</t>
  </si>
  <si>
    <t>Gypsy in amber / Martin Smith.-- Putnam; c1971.-- (Red mask mystery).</t>
  </si>
  <si>
    <t>Gorky Park / Martin Cruz Smith.-- Random House; c1981.</t>
  </si>
  <si>
    <t>Cloak and dagger fiction : an annotated guide to spy thrillers / Myron J. Smith, Jr.-- 2nd ed.-- ABC-Clio; c1982.</t>
  </si>
  <si>
    <t>808.387/Sm5</t>
  </si>
  <si>
    <t>The Lord have mercy / by Shelley Smith.-- H. Hamilton; 1956.</t>
  </si>
  <si>
    <t>Some Triumphs of modern exploration / by B. Webster Smith.-- Blackie &amp; Son; [19--].</t>
  </si>
  <si>
    <t>915.1/Sm5</t>
  </si>
  <si>
    <t>The stink of murder / by Weldon Spann.-- Robert Hall; c1969.</t>
  </si>
  <si>
    <t>813.5/Sp2</t>
  </si>
  <si>
    <t>The burned man / Bart Spicer.-- Arthur Barker; 1966.</t>
  </si>
  <si>
    <t>A death in Tokyo / Guy Stanley.-- Joseph; 1988.</t>
  </si>
  <si>
    <t>Star maker / Olaf Stapledon.-- Penguin; 1972.-- (Classic science fiction).</t>
  </si>
  <si>
    <t>Steinhauer : the Kaiser's master spy : the story as told by himself / edited by S.T. Felstead.-- John Lane the Bodley Head; 1930.</t>
  </si>
  <si>
    <t>923.543/St3/f</t>
  </si>
  <si>
    <t>The man who risked his partner : a mystery / Reed Stephens.-- Ballantine Books; 1984.</t>
  </si>
  <si>
    <t>Murder on "B" deck / by Vincent Starrett.-- Grosser &amp; Dunlap Publishers; c1929.</t>
  </si>
  <si>
    <t>Fourteen great detective stories / edited, with an introduction, by Vincent Starrett.-- Modern Library; c1928.-- (The Modern Library of the world's best books).</t>
  </si>
  <si>
    <t>808.83/St2</t>
  </si>
  <si>
    <t>Robert Louis Stevenson : the man who wrote "Treasure Island": a biography / by G. B. Stern ; Illustrations by Federico Castellon.-- Macmillan; 1954.</t>
  </si>
  <si>
    <t>823.8/St5/s</t>
  </si>
  <si>
    <t>The money goes round and round / by Jack Trevor Story.-- Alvin Redman; 1958.</t>
  </si>
  <si>
    <t>823.91/St7</t>
  </si>
  <si>
    <t>Death of a dude / Rex Stout.-- [Published for] the Crime Club [by] Collins; 1970, c1969.</t>
  </si>
  <si>
    <t>In the best families : a Nero Wolfe novel / by Rex Stout.-- Viking Press; c1950.</t>
  </si>
  <si>
    <t>Before midnight  : a Nero Wolfe novel / by Rex Stout.-- Viking Press; c1955.</t>
  </si>
  <si>
    <t>Three doors to death : a Nero Wolfe threesome / by Rex Stout.-- Viking Press; 1950, c1949.</t>
  </si>
  <si>
    <t>Justice ends at home, and other stories / Rex Stout ; edited by John McAleer.-- Viking Press; 1977.</t>
  </si>
  <si>
    <t>Rex Stout : a biography / John McAleer ; with a foreword by P. G. Wodehouse.-- Little, Brown; c1977.</t>
  </si>
  <si>
    <t>813.5/St7/m</t>
  </si>
  <si>
    <t>Treason in the egg : a further police diversion / by L.A.G. Strong.-- Published for the Crime Club by Collins; c1958.</t>
  </si>
  <si>
    <t>823.91/St8</t>
  </si>
  <si>
    <t>Murder plays an ugly scene / by L.A.G. Strong.-- published for the Crime Club by Doubleday, Doran; c1945.</t>
  </si>
  <si>
    <t>SIN and Johnny Inch / by J. F. Straker.-- George G. Harrap; 1968.</t>
  </si>
  <si>
    <t>Tight circle / by J. F. Straker.-- George G. Harrap; 1970.</t>
  </si>
  <si>
    <t>Silent witnesses / John Stephen Strange.-- Published for the Crime Club, Inc. by Doubleday, Doran &amp; Co.; 1938.</t>
  </si>
  <si>
    <t>813.5/St8</t>
  </si>
  <si>
    <t>The Gothic quest : a history of the Gothic novel / by Montague Summers.-- Russell &amp; Russell. Inc.; 1964.</t>
  </si>
  <si>
    <t>823.6/Su67</t>
  </si>
  <si>
    <t>Old land, dark land, strange land : stories / by John F. Suter ; introduction by Sharyn McCrumb.-- University of Charleston; c1996.</t>
  </si>
  <si>
    <t>813.5/Su85</t>
  </si>
  <si>
    <t>Compulsive spy: the strange career of E. Howard Hunt / Tad Szulc.-- Viking Press; c1974.</t>
  </si>
  <si>
    <t>327.1/Sz</t>
  </si>
  <si>
    <t>Mortal consequences : a history from the detective story to the crime novel / Julian Symons.-- Harper &amp; Row; c1972.</t>
  </si>
  <si>
    <t>823.0872/Sy5</t>
  </si>
  <si>
    <t>The immaterial murder case / by Julian Symons.-- Macmillan; 1957.-- (A Murder revisited mystery novel ; no. 19).</t>
  </si>
  <si>
    <t>Critical observations / Julian Symons.-- Faber and Faber; c1981.</t>
  </si>
  <si>
    <t>820.9/Sy5</t>
  </si>
  <si>
    <t>Harry Price : the biography of a ghost hunter / Paul Tabori ; pbk.-- Sphere; 1974, c1950.-- (The Dennis Wheatley library of the occult).</t>
  </si>
  <si>
    <t>133.9/Ta12</t>
  </si>
  <si>
    <t>De zaak Segawa / Akimitsu Takagi.-- Het Spectrum; c1973.</t>
  </si>
  <si>
    <t>895.63/Ta29</t>
  </si>
  <si>
    <t>Rouw voor de bruid / Akimitsu Takagi.-- Het Spectrum; c1974.</t>
  </si>
  <si>
    <t>Monsters of the marsh / David Tant : illustrated by Duncan Smith.-- Armada; 1985.-- (The legends of Skyfall ; 1).</t>
  </si>
  <si>
    <t>789.3/Ta89/1</t>
  </si>
  <si>
    <t>The black pyramid / David Tant : illustrated by Jon Glentoran.-- Armada; 1985.-- (The legends of Skyfall ; 2).</t>
  </si>
  <si>
    <t>789.3/Ta89/2</t>
  </si>
  <si>
    <t>The Peking man is missing / Claire Taschdjian.-- Ballantine Books; 1979, c1977.-- (Ballantine ; mystery 28434).</t>
  </si>
  <si>
    <t>813.5/Ta92</t>
  </si>
  <si>
    <t>Waiting for the end of the world / Andrew Taylor ; pbk..-- Penguin; 1985, c1984.</t>
  </si>
  <si>
    <t>823.91/Ta98</t>
  </si>
  <si>
    <t>Death lights a candle / Phoebe Atwood Taylor.-- Pocket Books; 1943, c1932.-- (Pocket books edition ; 204).</t>
  </si>
  <si>
    <t>813.5/Ta98</t>
  </si>
  <si>
    <t>The Cape Cod mystery / Phoebe Atwood Taylor.-- Pocket Books; 1942, c1931.-- (Pocket books edition ; 171).</t>
  </si>
  <si>
    <t>The Cape Cod mystery / Phoebe Atwood Taylor.-- Pyramid Publications; 1965, c1931.-- (Pyramid  books ; R-1124).</t>
  </si>
  <si>
    <t>The criminal C.O.D. : an Asey Mayo Cape Cod mystery / Phoebe Atwood Taylor.-- Countryman Press; 1988, c1940.-- (A Foul Play Press book).</t>
  </si>
  <si>
    <t>Out of order : an Asey Mayo Cape Cod mystery / Phoebe Atwood Taylor.-- Countryman Press; 1988, c1964.-- (A Foul Play Press book).</t>
  </si>
  <si>
    <t>Proof of the pudding  / Phoebe Atwood Taylor.-- Pyramid Publications; 1963, c1945.-- (Pyramid  books ; X-2132).</t>
  </si>
  <si>
    <t>The crimson patch / Phoebe Atwood Taylor.-- Pyramid Publications; 1971.-- (Pyramid nonfiction ; T2491).</t>
  </si>
  <si>
    <t>The man with my face / Samuel W. Taylor.-- Pocket Book; 1950.-- (Pocket Book ; 639).</t>
  </si>
  <si>
    <t>Target for tonight / by Richard Telfair.-- Dell; c1962.-- (Dell Book ; k111).</t>
  </si>
  <si>
    <t>813.5/Te32</t>
  </si>
  <si>
    <t>By balloon to the Sahara / D. Terman ; ill. by Paul Granger ; pbk..-- Bantam; 1979.-- (Choose your own adventure ; 3).</t>
  </si>
  <si>
    <t>793/Te73</t>
  </si>
  <si>
    <t>¿Qué hiciste conmigo? / por Corin Tellado.-- Editorial Rollan; c1969.-- (Serie Inedita Exclusiva ; 6617).</t>
  </si>
  <si>
    <t>863.6/Te32</t>
  </si>
  <si>
    <t>The francise affair / by Josephine Tey.-- Pocket Book; 1950.-- (Pocket Book ; 639).</t>
  </si>
  <si>
    <t>The daughter of time / Josephine Tey ; pbk.-- Penguin; 1974.</t>
  </si>
  <si>
    <t>Miss Pym disposes / Josephine Tey.-- Pan Books; 1957.-- (Pan books ; 427).</t>
  </si>
  <si>
    <t>To love and be wise / Josephine Tey.-- Berkley publishing corp.; c1950.-- (A berkley medallion bok ; N2054).</t>
  </si>
  <si>
    <t>The man in the queue / Josephine Tey.-- Berkley publishing corp.; c1957.-- (A berkley medallion bok ; S1873).</t>
  </si>
  <si>
    <t>Miss Pym disposes / by Josephine Tey.-- Washington Square Press; c1948.</t>
  </si>
  <si>
    <t>Told in the dark : nine uncanny stories / selected by Herbert Van Thal.-- Pan Books; 1950.</t>
  </si>
  <si>
    <t>823.087/V26</t>
  </si>
  <si>
    <t>The first Pan book of horror stories / edited by Herbert Van Thal.-- Pan Books; 1959.</t>
  </si>
  <si>
    <t>808.83/V26/1</t>
  </si>
  <si>
    <t>The second Pan book of horror stories / selected by Herbert Van Thal.-- Pan Books; 1960.-- (Pan Giant ; X67).</t>
  </si>
  <si>
    <t>808.83/V26/2</t>
  </si>
  <si>
    <t>The fifth Pan book of horror stories / selected by Herbert Van Thal.-- Pan Books; c1964.-- (Pan Giant ; X331).</t>
  </si>
  <si>
    <t>808.83/V26/5</t>
  </si>
  <si>
    <t>The sixth Pan book of horror stories / selected by Herbert Van Thal.-- Pan Books; 1965.</t>
  </si>
  <si>
    <t>808.83/V26/6</t>
  </si>
  <si>
    <t>The eighth Pan book of horror stories / selected by Herbert Van Thal.-- Pan Books; c1967.</t>
  </si>
  <si>
    <t>808.83/V26/8</t>
  </si>
  <si>
    <t>The tenth Pan book of horror stories / selected by Herbert Van Thal.-- Pan Books; c1969.</t>
  </si>
  <si>
    <t>808.83/V26/10</t>
  </si>
  <si>
    <t>The Old Patagonian Express : by train through the Americas / Paul Theroux.-- Penguin; 1980, c1979.-- (Penguin books).</t>
  </si>
  <si>
    <t>918/Th3</t>
  </si>
  <si>
    <t>The complete guide to Middle-earth : from The hobbit to The Silmarillion / Robert Foster.-- Ballantine Books; c1978.-- (Ballantine).</t>
  </si>
  <si>
    <t>823.91/To47/f</t>
  </si>
  <si>
    <t>Sherlock Holmes and the treasure train / by Frank Thomas.-- Pinnacle Books; c1985.-- (Pinnacle Books).</t>
  </si>
  <si>
    <t>823.91/Th5</t>
  </si>
  <si>
    <t>Sherlock Holmes and the sacred sword / by Frank Thomas.-- Pinnacle Books; c1980.-- (Pinnacle Books).</t>
  </si>
  <si>
    <t>Sherlock Holmes and the golden bird / Frank Thomas ; pbk..-- Pinnacle Books; c1979.</t>
  </si>
  <si>
    <t>Sherlock Holmes, bridge detective returns / by Frank Thomas.-- Pinnacle Books; c1975.</t>
  </si>
  <si>
    <t>Dangerous Daves : the last detective / Leslie Thomas ; : pbk.-- Dell; c1976.-- (Dell Book).</t>
  </si>
  <si>
    <t>If you can't be good / Ross Thomas.-- Pocket book; 1974.-- (Pocket Books ; 78418).</t>
  </si>
  <si>
    <t>The number to call is... / Raymond Thompson and Treve Daly.-- Corgi; 1980, c1979.</t>
  </si>
  <si>
    <t>A question of identity / by by June Thomson.-- Bantam Books; c1980.-- (Bantam books).</t>
  </si>
  <si>
    <t>823.91/Th7</t>
  </si>
  <si>
    <t>Alibi in time / by by June Thomson.-- Bantam Books; 1981.-- (Bantam books).</t>
  </si>
  <si>
    <t>Dr. Syn : returns / Russell Thorndike.-- Ballantine Books; c1935.-- (Ballantine mystery classic ; 23785).</t>
  </si>
  <si>
    <t>823.91/Th8</t>
  </si>
  <si>
    <t>The detective / by Roderick Thorp.-- Avon Books; c1966.-- (An Avon Book ; N156).</t>
  </si>
  <si>
    <t>813.5/Th8</t>
  </si>
  <si>
    <t>The years with Ross / by James Thurber ; with drawings by the author.-- Penguin in association with H. Hamilton; 1963, c1959.-- (Penguin books ; 1994).</t>
  </si>
  <si>
    <t>070/Th9</t>
  </si>
  <si>
    <t>The hollow chest / by Alice Tilton.-- Popular Library; c1968.-- (Popular library ; 60-2395).</t>
  </si>
  <si>
    <t>813.5/Ti4</t>
  </si>
  <si>
    <t>The hobbit : or, There and back again / J.R.R. Tolkien.-- 3d ed.-- George Allen &amp; Unwin; c1966.-- (Unwin books ; 65).</t>
  </si>
  <si>
    <t>Return of the King : being the third part of The Lord of the Rings / by J. R. R. Tolkien ; with a new foreword by the author.-- Ballantine Books : Houghton Mifflin; c1965.-- (Ballantine books ; 01535).</t>
  </si>
  <si>
    <t>The Tolkien reader / by J.R.R. Tolkien.-- Ballantine Books; c1966.-- (Ballantine books ; 01536).</t>
  </si>
  <si>
    <t>The Tolkien reader / by J.R.R. Tolkien.-- Ballantine Books; c1966.-- (Ballantine books ; 24070).</t>
  </si>
  <si>
    <t>Smith of Wootton Major and farmer giles of ham / by J.R.R. Tolkien ; Illustrations by Pauline Diana Baynes.-- Ballantine Books; [1969].-- (Ballantine books ; 01536).</t>
  </si>
  <si>
    <t>Tolkien's world / Randel Helms.-- Panther; [1976].</t>
  </si>
  <si>
    <t>823.91/To47/h</t>
  </si>
  <si>
    <t>J. R. R. Tolkien : architect of Middle Earth : a biography / by Daniel Grotta-Kurska ; edited by Frank Wilson ; pbk.-- Warner communication Co.; c1976.-- (Warner books ; nonfiction).</t>
  </si>
  <si>
    <t>823.91/To47/g</t>
  </si>
  <si>
    <t>J. R. R. Tolkien / by Robley Evans.-- Warner communication Co.; c1972.-- (Writers for the 70's).</t>
  </si>
  <si>
    <t>823.91/To47/e</t>
  </si>
  <si>
    <t>A handbook on witches / Gillian Tindall.-- Mayflower; 1972, c1965.</t>
  </si>
  <si>
    <t>133.4/Ti5</t>
  </si>
  <si>
    <t>The treason line / Dominic Torr.-- Pan Books; 1970, c1968.-- (Pan books ; ceime).</t>
  </si>
  <si>
    <t>813.5/To69</t>
  </si>
  <si>
    <t>The exploits of Dr. Sam Johnson, detector : told as if by James Boswell / by Lillian de la Torre ; pbk..-- International Polygonics; c1987.-- (IPL library of crime classics ; 595).</t>
  </si>
  <si>
    <t>Dr. Sam. Johnson, detector : being, a light-hearted collection of recently reveal'd episodes in the career of the great lexicographer, narrated as from the pen of James Boswell ... / by Lillian de la Torre ; pbk..-- International Polygonics; c1983.-- (IPL library of crime classics ; 695).</t>
  </si>
  <si>
    <t>The detections of Dr. Sam Johnson : told as if by James Boswell / Lillian de la Torre ; pbk..-- International Polygonics; c1984.-- (IPL library of crime classics).</t>
  </si>
  <si>
    <t>The truth about Belle Gunness / by Lillian de la Torre.-- Fawcett Publications; 1955.-- (Gold medal books ; 487).</t>
  </si>
  <si>
    <t>The Bartholomew Fair murders / by Leonard Tourney.-- Ballantine Books; 1987, c1986.-- (A Matthew Stock mystery).</t>
  </si>
  <si>
    <t>813.5/To76</t>
  </si>
  <si>
    <t>Q as in quicksand / by Lawrence Treat.-- Dell Publishing; c1947.-- (A Dell book ; 301).</t>
  </si>
  <si>
    <t>H as in hunted  / by Lawrence Treat.-- Dell Publishing; c1946.-- (A Dell book ; 218).</t>
  </si>
  <si>
    <t>The revenge of Dracula / Peter Tremayne.-- Dell Publishing; 1981, c1978.</t>
  </si>
  <si>
    <t>823.91/Tr4</t>
  </si>
  <si>
    <t>Docken dead / John Trench.-- Penguin Books; 1960.</t>
  </si>
  <si>
    <t>Lek, lilla Louise / av Stieg Trenter.-- Albert Bonnier; 1956.-- (En Zebra bok ; 44).</t>
  </si>
  <si>
    <t>839.73/Tr4</t>
  </si>
  <si>
    <t>Silversides / by Robert Trumbull.-- Editions for the Armed Services; c1945.-- (Armed services editions ; 980).</t>
  </si>
  <si>
    <t>813.5/Tr8</t>
  </si>
  <si>
    <t>A man without friends / Miles Tripp.-- Panther; 1972, c1970.</t>
  </si>
  <si>
    <t>823.91/Tr5</t>
  </si>
  <si>
    <t>The other / Thomas Tryon.-- Penguin; 1973.</t>
  </si>
  <si>
    <t>813.5/Tr9</t>
  </si>
  <si>
    <t>The Chinese doll / Wilson Tucker.-- Dell Publishing; c1946.-- (A Dell book ; 343).</t>
  </si>
  <si>
    <t>813.5/Tu2</t>
  </si>
  <si>
    <t>Gamblers' money : the new force in American life /  Wallace Turner.-- New American Library; [1966], c1965.</t>
  </si>
  <si>
    <t>364.172/Tu7</t>
  </si>
  <si>
    <t>Life on the Mississippi / by Mark Twain.-- Bantam Books; 1963.-- (Bantam  pathfinder ; HP6946).</t>
  </si>
  <si>
    <t>813.4/Tw</t>
  </si>
  <si>
    <t>A pen warmed-up in hell : Mark Twain in protest / Edited by Frederick Anderson.-- Harper &amp; Row; 1973, c1972.-- (Perennial library ; p279).</t>
  </si>
  <si>
    <t>813.4/Tw/a</t>
  </si>
  <si>
    <t>A Connecticut Yankee in King Arthur's court / Mark Twain.-- Washington Square Press; 1948, c1899.-- (Pocket books ; 46580).</t>
  </si>
  <si>
    <t>The doomed detective : the contribution of the detective novel to postmodern American and Italian fiction / Stefano Tani.-- Southern Illinois Univ. Press; c1984.-- (Literary structures).</t>
  </si>
  <si>
    <t>813.0872/Ta87</t>
  </si>
  <si>
    <t>Cruelly murdered : Constance Kent and the killing at Road Hill House / by Bernard Taylor.-- Souvenir Press; c1979.</t>
  </si>
  <si>
    <t>364.152/Ta98</t>
  </si>
  <si>
    <t>The crimson hair murders / by Darwin and Hildegarde Teilhet.-- Published  for the Crime club, inc., by Doubleday, Doran &amp; company; 1936.</t>
  </si>
  <si>
    <t>813.5/Te25</t>
  </si>
  <si>
    <t>The last of the country house murders / Emma Tennant.-- Faber &amp; Faber; 1986, c1974.</t>
  </si>
  <si>
    <t>823.91/Te37</t>
  </si>
  <si>
    <t>Belladonna : a Lewis Carroll nightmare / Donald Thomas.-- Macmillan; 1984, c1983.</t>
  </si>
  <si>
    <t>Portrait of a spy  : a novel  / by E. Temple Thurston.-- Doubleday, Doran &amp; Company; 1929.</t>
  </si>
  <si>
    <t>823.91/Th9</t>
  </si>
  <si>
    <t>The protestant era / by Paul Tillich ; translated by James Luther Adams.-- Abridged edition.-- University of Chicago Press; c1957.</t>
  </si>
  <si>
    <t>284/Ti4</t>
  </si>
  <si>
    <t>Anatomy of a murder / [by] Robert Traver.-- St. Martin's Press; c1958.</t>
  </si>
  <si>
    <t>813.5/Tr2</t>
  </si>
  <si>
    <t>Shibumi / Trevanian ; : pbk.-- Panther; 1979.</t>
  </si>
  <si>
    <t>813.5/Tr4</t>
  </si>
  <si>
    <t>Star Trek concordance / Bjo Trimble.-- Ballantine Books; c1976.</t>
  </si>
  <si>
    <t>791.45/Tr5</t>
  </si>
  <si>
    <t>Boys will be boys : the story of Sweeney Todd, Deadwood Dick, Sexton Blake, Billy Bunter, Dick Barton, et al. / E. S. Turner.-- 3rd ed.-- Joseph; 1975.</t>
  </si>
  <si>
    <t>823.91/Tu7</t>
  </si>
  <si>
    <t>The Lord of the ring : Warren special edition.-- Warren Communications; 1979.</t>
  </si>
  <si>
    <t>823.91/To47/w</t>
  </si>
  <si>
    <t>The Hobbit or there and back again / text by J.R.R Tolkien and illustrations from the film by Arthur Rankin, Jr. and Jules Bass.-- Ballantine Books; c1977.-- (Ballantine Books ; 27711).</t>
  </si>
  <si>
    <t>The hobbit : or, there and back again / by J.R.R. Tolkien ; illustrated by the author ; : pbk.-- 3rd ed..-- George Allen &amp; Unwin; c1966.</t>
  </si>
  <si>
    <t>The Silmarillion / J.R.R. Tolkien ; edited by Christopher Tolkien.-- Allen &amp; Unwin; 1977.</t>
  </si>
  <si>
    <t>The Lord of the rings / by J.R.R. Tolkien.-- 2nd ed. [reprinted].-- Allen and Unwin; 1968.</t>
  </si>
  <si>
    <t>Tree by Tolkien / by Colin Wilson ; :pbk.-- Capra Press; 1974.-- (Yes! Capra chapbook series / edited by Robert Durand and Noel Young ; 20).</t>
  </si>
  <si>
    <t>Tolkien and the critics : essays on J.R.R. Tolkien's The lord of the rings / edited by Neil D. Isaacs and Rose A. Zimbardo ; : pbk.-- University of Notre Dame Press; c1968.</t>
  </si>
  <si>
    <t>823.91/To47/i</t>
  </si>
  <si>
    <t>J. R. R. Tolkien : architect of Middle Earth : a biography / by Daniel Grotta-Kurska ; edited by Frank Wilson ; lib. bdg., pbk.-- Running Press; c1976.</t>
  </si>
  <si>
    <t>A Tolkien compass : including J.R.R. Tolkien's Guide to the names in The lord of the rings / edited by Jared Lobdell ; : pbk.-- Open Court; c1975.</t>
  </si>
  <si>
    <t>823.91/To47/l</t>
  </si>
  <si>
    <t>J. R. R. Tolkien / by Robley Evans ; pbk..-- Thomas Y. Crowell; 1972.-- (Writers for the seventies).</t>
  </si>
  <si>
    <t>The Tolkien scrapbook / edited by Alida Becker ; ill. by Michael Green, col. ill. by Tim Kirk.-- Grosset &amp; Dunlap; c1978.</t>
  </si>
  <si>
    <t>823.91/To47/b</t>
  </si>
  <si>
    <t>The road goes ever on : a song cycle / poems by J.R.R. Tolkien ; music by Donald Swann.-- George Allen &amp; Unwin; [1972].</t>
  </si>
  <si>
    <t>823.91/To47/s</t>
  </si>
  <si>
    <t>A Tolkien bestiary / by David Day ; illustrated by Ian Miller ... [et al.].-- Ballantine Books; 1979.</t>
  </si>
  <si>
    <t>823.91/To47/d</t>
  </si>
  <si>
    <t>The detective in Hollywood / by Jon Tuska.-- Doubleday; c1978.</t>
  </si>
  <si>
    <t>791.43/Tu9</t>
  </si>
  <si>
    <t>Dreadful pleasures : an anatomy of modern horror / James B. Twitchell ; pbk..-- Oxford University Press; 1985.</t>
  </si>
  <si>
    <t>700.9/Tw</t>
  </si>
  <si>
    <t>The lost traveller / Ruthven Todd.-- Dover; c1968.</t>
  </si>
  <si>
    <t>823.91/To17</t>
  </si>
  <si>
    <t>Journey to nowhere / Nedra Tyre.-- Alfred A. Knopf; 1954.</t>
  </si>
  <si>
    <t>813.5/Ty8</t>
  </si>
  <si>
    <t>Death of an intruder : a tale of horror in three parts / Nedra Tyre.-- Alfred A. Knoph; 1953.</t>
  </si>
  <si>
    <t>The neon haystack / James Michael Ullman.-- Pocket Book; c1963.-- (Pocket book ; 4704).</t>
  </si>
  <si>
    <t>813.5/U61</t>
  </si>
  <si>
    <t>Law and order / Dorothy Uhnak.-- Pan Books; 1974.</t>
  </si>
  <si>
    <t>813.5/U55</t>
  </si>
  <si>
    <t>And not to yield / James Ramsey Ullman.-- Avon; 1970.-- (Avon ; W306).</t>
  </si>
  <si>
    <t>Good night, Irene / James Michael Ullman.-- Pocket book; c1965.-- (Pocket Book ; 50530).</t>
  </si>
  <si>
    <t>Sorry, wrong number / by Allan Ullman &amp; Lucille Fletcher.-- Bantam Books; c1948.-- (Bantam book ; 356).</t>
  </si>
  <si>
    <t>The chase / Richard Unekis.-- Penguin; 1967.-- (Penguin books ; C2699).</t>
  </si>
  <si>
    <t>813.5/U75</t>
  </si>
  <si>
    <t>The man who killed too soon / Michael Underwood.-- Corgi; c1948.</t>
  </si>
  <si>
    <t>823.91/U75</t>
  </si>
  <si>
    <t>The shadow game / by Michael Underwood.-- Corgi; 1970.</t>
  </si>
  <si>
    <t>Murder must wait / Arthur W. Upfield.-- Berkley publishing corp.; 1963, c1953.-- (A berkley medallion bok ; F850).</t>
  </si>
  <si>
    <t>823.91/U79</t>
  </si>
  <si>
    <t>Sinister stones / Arthur W. Upfield.-- Berkley publishing corp.; 1964, c1954.-- (A berkley medallion bok ; F927).</t>
  </si>
  <si>
    <t>Death of a swagman / by Arthur W. Upfield.-- New American Library; 1948, c1945.-- (A Signet book ; 658).</t>
  </si>
  <si>
    <t>Wings above the Diamantina / [by] Arthur Upfield.-- Penguin Books; 1965, c1936.-- (Penguin books ; C2301).</t>
  </si>
  <si>
    <t>Venom house / Arthur Upfield.-- Penguin; 1969.-- (Penguin books ; C2908).</t>
  </si>
  <si>
    <t>The mountains have a secret / Arthur Upfield.-- Pan Books; 1954.-- (Pan books ; 291).</t>
  </si>
  <si>
    <t>The will of the tribe / Arthur Upfield ; unabridged.-- Pan Books; c1962.-- (Pan books).</t>
  </si>
  <si>
    <t>The clue of the new shoe / Arthur Upfield.-- Pan Books; 1967.-- (Pan books).</t>
  </si>
  <si>
    <t>Bony and the black virgin / Arthur Upfield ; unabridged.-- Pan Books; 1967.-- (Pan books).</t>
  </si>
  <si>
    <t>The bachelors of broken hill / Arthur Upfield ; unabridged.-- Pan Books; c1958.-- (Pan books).</t>
  </si>
  <si>
    <t>Dead on the stick : an Amos McGuffin mystery / Robert Upton ; : pbk.-- Penguin Books; 1987, c1986.-- (Penguin crime fiction).</t>
  </si>
  <si>
    <t>813.5/U79</t>
  </si>
  <si>
    <t>Der sterbende See : Kriminal-Roman / Arthur W. Upfield ; [ins Deutsche übertragen von Arno Dohm].-- W. Goldmann; 1955.</t>
  </si>
  <si>
    <t>The bait / by Dorothy Uhnak.-- Simon and Schuster; c1968.</t>
  </si>
  <si>
    <t>Murder on trial / by Michael Underwood.-- Hammond, Hammond &amp; Company; c1954.</t>
  </si>
  <si>
    <t>Lawful pursuit / by Michael Underwood.-- Hammond, Hammond; c1958.-- (A Cloak and dagger mystery).</t>
  </si>
  <si>
    <t>Cake in the hat box / by Arthur Upfield.-- Heinemann; 1955.</t>
  </si>
  <si>
    <t>Man of two tribes / by Arthur Upfield.-- Heinemann; c1956.</t>
  </si>
  <si>
    <t>Bony buys a woman / Arthur Upfield.-- Heinemann; 1957.</t>
  </si>
  <si>
    <t>An author bites the dust / Arthur W. Upfield.-- Doubleday &amp; Compnay; c1948.</t>
  </si>
  <si>
    <t>Death of a lake / Arthur W. Upfield.-- Published for the Crime Club by Doubleday; c1954.-- (A Crime Club selection).</t>
  </si>
  <si>
    <t>This fiery night / Joan Vatsek.-- Fawcett; c1959.-- (Crest Giant ; d372).</t>
  </si>
  <si>
    <t>823.91/V45</t>
  </si>
  <si>
    <t>The discretion of Dominick Ayres / Matthew Vaughan.-- Pan Books; 1978.</t>
  </si>
  <si>
    <t>823.91/V46</t>
  </si>
  <si>
    <t>Un drame en Livonie / Jules Verne.-- Hachette; c1968.-- (Le livre de poche).</t>
  </si>
  <si>
    <t>843.8/V62</t>
  </si>
  <si>
    <t>La Bande à Bonape / Heri Viard.-- Gallimard; 1969.-- (Le livre de poche).</t>
  </si>
  <si>
    <t>843.91/V66</t>
  </si>
  <si>
    <t>Sex, death, and money / Gore Vidal.-- Bantam Books; 1968.-- (A Bantam Book ; N4377).</t>
  </si>
  <si>
    <t>813.5/V67</t>
  </si>
  <si>
    <t>Return to Oz / A novel by Joan D. Vinge ; based on the screenplay by Walter Murch and Gill Dennis.-- Ballantine Books; c1985.</t>
  </si>
  <si>
    <t>813.5/V76</t>
  </si>
  <si>
    <t>Der Mordfall Bischof / S. S. van Dine. [Aus d. Amerikan. von Sascha Mantscheff. Hrsg. von Volker Neuhaus].-- DuMont; c1987.</t>
  </si>
  <si>
    <t>The vampire : an anthology / arranged and selected by Ornella Volta and Valeria Riva ; foreword by Roger Vadim ; English adaptation by Margaret Crosland.-- Pan Books; c1963.</t>
  </si>
  <si>
    <t>808.83/V25</t>
  </si>
  <si>
    <t>The violent man / A.E. Van Vogt.-- Avon Publishers; c1962.-- (Avon ; N258).</t>
  </si>
  <si>
    <t>The sirens of Titan : an original novel / by Kurt Vonnegut, Jr.-- Dell; c1959.-- (Dell Book ; 7948).</t>
  </si>
  <si>
    <t>813.5/V89</t>
  </si>
  <si>
    <t>The dragon murder case : a Philo Vance story / S.S. Van Dine.-- Cassell; 1934.</t>
  </si>
  <si>
    <t>The Greene murder case : a Philo Vance story / by S.S. Van Dine.-- Grosset &amp; Dunlap by arrangement with Charles Scribner's Sons; c1928.</t>
  </si>
  <si>
    <t>The Benson murder case / S.S. Van Dine.-- A.L. Burt; c1926.</t>
  </si>
  <si>
    <t>The bishop murder case : a Philo Vance story / by S.S. Van Dine.-- Grosset &amp; Dunlap; c1929.</t>
  </si>
  <si>
    <t>The scarab murder case : a Philo Vance story / by S.S. Van Dine.-- Cassell; 1930.</t>
  </si>
  <si>
    <t>Worlds in collision / Immanuel Velikovsky.-- Doubleday; c1950.</t>
  </si>
  <si>
    <t>523.1/V56</t>
  </si>
  <si>
    <t>L'île à hélice / Jules Verne.-- Les Humanoïdes Associés; 1978.</t>
  </si>
  <si>
    <t>Twenty thousand leagues under the sea : the annotated Jules Verne / Walter James Miller.-- Crowell; c1976.</t>
  </si>
  <si>
    <t>843.8/V62/m</t>
  </si>
  <si>
    <t>Jules Verne : images d'un mythe / François Rivière.-- H. Veyrier; c1978.</t>
  </si>
  <si>
    <t>843.8/V62/r</t>
  </si>
  <si>
    <t>The Jules Verne companion / [compiled by] Peter Haining ; designed by Christopher Scott.-- Pictorial Presentations; 1978.</t>
  </si>
  <si>
    <t>843.8/V62/h</t>
  </si>
  <si>
    <t>Breakfast of champions, or, Good-bye blue Monday! / By Kurt Vonnegut, Jr. ; With drawings by the author.-- Delacorte Press; c1973.</t>
  </si>
  <si>
    <t>Die gebogene Kerze : Kriminal-Roman / Edgar Wallace ; [ins Deutsche übertragen von Arthur Schönhausen].-- W. Goldmann; 1962.-- (Goldmanns Taschen-Krimi ; Bd. 169).</t>
  </si>
  <si>
    <t>The mind of Mr J.G. Reeder / Edgar Wallace ; : pbk.-- Revised ed.-- Pan Books; 1967.</t>
  </si>
  <si>
    <t>The plot / Irving Wallace ; : pbk.-- Pocket Books; c1967.-- (Pocket book).</t>
  </si>
  <si>
    <t>813.5/W36</t>
  </si>
  <si>
    <t>The pawnbroker / Edward Lewis Wallant.-- Macfaden-Bartell Book; c1961.-- (A Macfadden book).</t>
  </si>
  <si>
    <t>The swiss bank connection / by Leslie Waller.-- New American Library; c1972.-- (Signet Non-Fiction).</t>
  </si>
  <si>
    <t>332.1/W36</t>
  </si>
  <si>
    <t>The woman in the window / by J.H. Wallis.-- the Armed Service; c1942.-- (Armed services editions ; 723).</t>
  </si>
  <si>
    <t>Blood from a stone / by Ruth Sawtell Wallis.-- Bantam Books; 1947, c1945.-- (Bantam Books ; 109).</t>
  </si>
  <si>
    <t>Too many bones / Ruth Sawtell Wallis.-- Dell Publishing Co.; c1943.-- (Dell book ; 123).</t>
  </si>
  <si>
    <t>Spies in pursuit / by J.M. Walsh.-- W. Collins Son &amp; Co; 1938.</t>
  </si>
  <si>
    <t>The island of the mighty : the fourth branch of the Mabinogi / Evangeline Walton ; introduction by lin Carter.-- Ballantine books; c1970.-- (Ballantine Books).</t>
  </si>
  <si>
    <t>813.5/W37</t>
  </si>
  <si>
    <t>The song of Rhiannon : the third branch of the Mabinogion / Evangeline Walton ; Introduction by Lin Carter.-- Ballantine Books; c1972.-- (Adult fantasy).</t>
  </si>
  <si>
    <t>The children of Llyr / Evangeline Walton ; introduction by Lin Carter.-- Ballantine Books; c1971.-- (Adult fantasy).</t>
  </si>
  <si>
    <t>A medium gor murder / Mignon Warner ; : pbk.-- Dell; c1976.-- (Dell Book).</t>
  </si>
  <si>
    <t>Death on a warm wind / Douglas Warner.-- Penguin; 1973.</t>
  </si>
  <si>
    <t>Death in time / Mignon Warner.-- Dell Pub. Co; c1982.-- (A Dell book).</t>
  </si>
  <si>
    <t>The Litmore snatch / Henry Wade ; pbk..-- Perennial Library; 1986, c1985.-- (Perennial mystery library).</t>
  </si>
  <si>
    <t>823.91/W12</t>
  </si>
  <si>
    <t>New graves at Great Norne / Henry Wade ; : pbk.-- Perennial Library; 1986.-- (Perennial mystery library).</t>
  </si>
  <si>
    <t>The Titanic, end of a dream / Wyn Craig Wade ; : pbk.-- Penguin Books; 1980, c1979.</t>
  </si>
  <si>
    <t>909.09/W12</t>
  </si>
  <si>
    <t>Season of assassin / Geoffrey Wagner.-- Fawcett; c1961.-- (Gold medal books ; s1093).</t>
  </si>
  <si>
    <t>823.91/W14</t>
  </si>
  <si>
    <t>Murder on the 31st floor / by Peter Wahloo ; translated from the Swedish by Joan Tate.-- Sphere; 1970.</t>
  </si>
  <si>
    <t>839.7/W14</t>
  </si>
  <si>
    <t>Freeze thy blood less coldly / by John Wainwright.-- Mayflower books; 1970.</t>
  </si>
  <si>
    <t>823.91/W15</t>
  </si>
  <si>
    <t>Cruising / by Gerald Walker.-- Fawcett Publications; c1970.-- (A Fawcett crest book ; M1603).</t>
  </si>
  <si>
    <t>King kong / conceived by Edgar Wallace and Merian C. Cooper ; novelization by Delos W. Lovelace.-- Ace Books; c1932.</t>
  </si>
  <si>
    <t>King kong / by Edgar Wallace and Merian C. Cooper ; novelization by Delos W. Lovelace.-- Bantam Books; 1965.-- (Bantam Books ; F3093).</t>
  </si>
  <si>
    <t>Next time is for life / By Paul Warren.-- Dell Pub. Co.; c1953.-- (A Dell first edition ; 6).</t>
  </si>
  <si>
    <t>364.3/W39</t>
  </si>
  <si>
    <t>Hopjoy was here / by Colin Watson.-- Dell; c1962.-- (A Dell first edition).</t>
  </si>
  <si>
    <t>823.91/W48</t>
  </si>
  <si>
    <t>Hopjoy was here / Colin Watson.-- Penguin; 1966.-- (Penguin books ; C2404).</t>
  </si>
  <si>
    <t>She was last seen wering... / Hillary Waugh.-- Pocket Book; 1954.-- (Pocket Book ; 988).</t>
  </si>
  <si>
    <t>813.5/W49</t>
  </si>
  <si>
    <t>A rag and a bone / Hillary Waugh.-- Pocket Book; 1955.-- (Pocket Book ; 1075).</t>
  </si>
  <si>
    <t>The big sin / by Jack Webb.-- New American Library; c1952.-- (A Signet book ; 1076).</t>
  </si>
  <si>
    <t>813.5/W51</t>
  </si>
  <si>
    <t>The damned lovely / by Jack Webb.-- New American Library; c1954.-- (A Signet book ; 1223).</t>
  </si>
  <si>
    <t>Is this coffin taken? / by Jean Francis Webb.-- Kensington Publishing Co.; 1978.-- (A Zebra mystery puzzler ; 4).</t>
  </si>
  <si>
    <t>Daddy-Long-Legs / Jean Webster.-- Knight Books; 1967.-- (Green Knight).</t>
  </si>
  <si>
    <t>813.5/W52</t>
  </si>
  <si>
    <t>Indiana Jones and the gold of Genghis Khan / by Ellen Weiss ; illustrated by David B. Mattingly.-- Ballantine Books; 1985.-- (Find your fate adventure ; #9).</t>
  </si>
  <si>
    <t>793.9/W55</t>
  </si>
  <si>
    <t>Sherlock Holmes's war of the worlds / by Manly W. Wellman and Wade Wellman.-- Warner Books; 1975.-- (Warner science fantasy).</t>
  </si>
  <si>
    <t>Murderer's choice / by Anna Mary Wells.-- Dell Publishing Co.; c1943.-- (A Dell book).</t>
  </si>
  <si>
    <t>Invasion from Mars : interplanetary stories / selected by Orson Welles.-- Dell Publishing Co.; c1949.-- (A Dell book ; 305).</t>
  </si>
  <si>
    <t>Mr. Arkadin / Orson Welles.-- Pyramid Books; 1958, c1956.-- (Pyramid Books ; G357).</t>
  </si>
  <si>
    <t>Jonathan Segal Chicken / by Sol Weinstein &amp; Howard Albrecht.-- Pinnacle Books; c1973.</t>
  </si>
  <si>
    <t>813.5/W55</t>
  </si>
  <si>
    <t>The best of Stanley G. Weinbaum / introd. by Isaac Asimov ; afterword by Robert Bloch.-- Ballantine Books; c1974.</t>
  </si>
  <si>
    <t>Out of the past : a Miss Silver mystery / Patricia Wentworth.-- Berkley Publishing Co.; 1971, c1953.-- (A Berkley medallion book ; mystery).</t>
  </si>
  <si>
    <t>823.91/W58</t>
  </si>
  <si>
    <t>Vanishing point / Patricia Wentworth.-- Berkley Publishing Co.; 1971, c1953.-- (A Berkley medallion book ; mystery).</t>
  </si>
  <si>
    <t>Miss Silver comes to stay / Patricia Wentworth.-- Hodder and Stoughton; 1972.-- (Coronet books).</t>
  </si>
  <si>
    <t>Adventures of a private eye / Bob West.-- Mayflower Books; 1977.</t>
  </si>
  <si>
    <t>813.5/W62</t>
  </si>
  <si>
    <t>Adios, Scheherazade / by Donald E. Westlake.-- New Americna Library; [1971].-- (A Signet book ; Q4802).</t>
  </si>
  <si>
    <t>Somebody owes me money /  Donald E. Westlake.-- New Americna Library; 1971, c1969.-- (A signet book ; Q4800).</t>
  </si>
  <si>
    <t>Tumbleweed / Janwillem van de Wetering ; pbk.-- Corgi Books; 1979, c1976.</t>
  </si>
  <si>
    <t>The corpse on the dike / Janwillem van de Wetering ; pbk.-- Corgi Books; 1979, c1976.</t>
  </si>
  <si>
    <t>Death of a hawker / Janwillem van de Wetering ; pbk.-- Corgi Books; 1979, c1977.</t>
  </si>
  <si>
    <t>The Irish witch / Dennis Wheatley ; pbk.-- Arrow Books; 1975, c1973.</t>
  </si>
  <si>
    <t>823.91/W66</t>
  </si>
  <si>
    <t>The rising storm / Dennis Wheatley ; pbk.-- Arrow Books; 1961, c1949.</t>
  </si>
  <si>
    <t>The secret war / Dennis Wheatley.-- Arrow Books; 1953.-- (Arrow books ; 336).</t>
  </si>
  <si>
    <t>Faked passports  / Dennis Wheatley.-- Arrow Books; 1961.-- (Arrow books ; 397).</t>
  </si>
  <si>
    <t>Bill for the use of a body / Dennis Wheatley.-- Arrow Books; 1966.-- (Arrow books ; 892).</t>
  </si>
  <si>
    <t>The scarlet imposter  / Dennis Wheatley.-- Ballantine Books; 1973.-- (Ballantine books).</t>
  </si>
  <si>
    <t>Gateway to Hell  / Dennis Wheatley.-- Ballantine Books; 1973, c1970.-- (Ballantine books).</t>
  </si>
  <si>
    <t>The forbidden territory  / Dennis Wheatley.-- Ballantine Books; 1973.-- (Ballantine books).</t>
  </si>
  <si>
    <t>The FBI story / Foreword by J. Edgar Hoover.-- Pocket Books; 1958.-- (A Cardinal Giant ; non-fiction GC-45).</t>
  </si>
  <si>
    <t>364.12/W68</t>
  </si>
  <si>
    <t>Death in a bowl / Raoul Whitfield.-- Avon Books; 1970, c1931.-- (Avon classic crime collection ; PN337).</t>
  </si>
  <si>
    <t>Green ice  / Raoul Whitfield.-- Avon Books; 1971, c1930.-- (Avon classic crime collection ; PN373).</t>
  </si>
  <si>
    <t>The lady vanishes (The wheel spins) / Ethel Lina White.-- Fontana / Collins; 1962.-- (Fontana books ; 5623).</t>
  </si>
  <si>
    <t>823.91/W68</t>
  </si>
  <si>
    <t>The lady vanishes / Ethel Lina White.-- Pan Books; 1952.-- (PAN books ; 203).</t>
  </si>
  <si>
    <t>The lady vanishes : original title, The wheel spins  / Ethel Lina White.-- Paperback Library; [1966].-- (Paperback library ; 63-188).</t>
  </si>
  <si>
    <t>Murder is my mistress / Harry Whittington.-- Graphic Publishing Co.; c1951.-- (A Graphic mystery ; 41).</t>
  </si>
  <si>
    <t>813.5/W69</t>
  </si>
  <si>
    <t>The human use of human beings : cybernetics and society / by Norbert Wiener.-- Doubleday; 1954.-- (Doubleday anchor books ; A34).</t>
  </si>
  <si>
    <t>303.4/W72</t>
  </si>
  <si>
    <t>The picture of Dorian Gray / by Oscar Wilde.-- Boni and Liveright; [191-?].-- (The modern library of the world's best books).</t>
  </si>
  <si>
    <t>823.8/W73</t>
  </si>
  <si>
    <t>Inquest / by Percival Wilde.-- Military Service; 1945 , c1940.-- (A superior mystery ; M647).</t>
  </si>
  <si>
    <t>813.5/W73</t>
  </si>
  <si>
    <t>The false beards / Alan Williams.-- The New American Library; c1963.-- (A signet Book ; P2951).</t>
  </si>
  <si>
    <t>823.91/W74</t>
  </si>
  <si>
    <t>The great Houdini / Beryl Williams, Samuel Epstein.-- Scholastic Book Services; c1951.</t>
  </si>
  <si>
    <t>793.8/H81/w</t>
  </si>
  <si>
    <t>The Roman spring of Mrs. Stone / Tennessee Williams.-- New American Library; 1952.-- (A Signet book ; 955).</t>
  </si>
  <si>
    <t>813.5/W74</t>
  </si>
  <si>
    <t>Three to conquer / Eric Frank Russell. Doomsday eve / Robert Moore Williams.-- Avon Book Division; c1957.-- (Avon ; D-215).</t>
  </si>
  <si>
    <t>823.91/R89</t>
  </si>
  <si>
    <t>The long Saturday night / by Charles Williams.-- Fawcett Publications; c1962.-- (Gold Medal books ; s1200).</t>
  </si>
  <si>
    <t>The sailcloth shroud / Charles Williams.-- Pan Books; c1960.-- (Great Pan ; G679).</t>
  </si>
  <si>
    <t>Dead calm / Charles Williams.-- Avon Books; c1963.-- (Avon mystery ; G1255).</t>
  </si>
  <si>
    <t>Confidentially yours / by Charles Williams.-- Penguin Books; 1983, c1962.</t>
  </si>
  <si>
    <t>The hot spot / by Charles Williams.-- Pan books; 1969, c1953.-- (Crime).</t>
  </si>
  <si>
    <t>Dragon's island / Jack Williamson.-- Popular Library; 1952, c1951.-- (Popular Library ; 447).</t>
  </si>
  <si>
    <t>The Churchill Commando / Ted Willis.-- Pan Books; 1978.</t>
  </si>
  <si>
    <t>Ritusl in the dark / by Colin Wilson.-- Popular Library; 1961.-- (Popular library ; SP85).</t>
  </si>
  <si>
    <t>823.91/W75</t>
  </si>
  <si>
    <t>The schoolgirl murder case / Colin Wilson.-- Bantam Book; c1976.-- (A Bantam Book).</t>
  </si>
  <si>
    <t>The god of the labyrinth / Colin Wilson.-- Mayflower Books; 1971, c1970.-- (A Mayflower Paperback).</t>
  </si>
  <si>
    <t>The keep / F. Paul Wilson.-- Berkley Books; 1982, c1981.-- (Berkley books).</t>
  </si>
  <si>
    <t>813.5/W75</t>
  </si>
  <si>
    <t>Truth or dare / Jacqueline Wilson.-- Penguin; 1975, c1973.</t>
  </si>
  <si>
    <t>The Brandenburg Hotel / Pauline Glen Winslow.-- Dell; 1980, c1976.-- (Dell Book ; . a murder ink. ; mystery).</t>
  </si>
  <si>
    <t>823.91/W77</t>
  </si>
  <si>
    <t>Forever Amber / by Kathleen Winsor.-- New American Library; 1950.-- (A Signet book ; 809).</t>
  </si>
  <si>
    <t>813.5/W77</t>
  </si>
  <si>
    <t>The corpse that walked / Roy Winsor.-- Fawcett; c1974.-- (A fawcett gold medal book ; M2975).</t>
  </si>
  <si>
    <t>House of joy / by Joanie Winters.-- Paperback Library; c1965.-- (Paperback Library ; 54-846).</t>
  </si>
  <si>
    <t>306.7/W77</t>
  </si>
  <si>
    <t>The little fishes / Arthur Wise.-- Penguin; 1966.-- (Penguin books ; C2524).</t>
  </si>
  <si>
    <t>823.91/W78</t>
  </si>
  <si>
    <t>The death's-head / Arthur Wise.-- Penguin; 1965.-- (Penguin books ; 2353).</t>
  </si>
  <si>
    <t>Heir apparent / by E.L. Withers.-- Avon Books; c1961.-- (An Avon book ; G1114).</t>
  </si>
  <si>
    <t>813.5/W79</t>
  </si>
  <si>
    <t>Ghosts, castles, and victims : tales of Gothic horror / Edited by Jack C. Wolf and Barbara H. Wolf.-- Fawcett Publications; c1974.-- (A Fawcett Crest book ; Q1997).</t>
  </si>
  <si>
    <t>808.83/W84</t>
  </si>
  <si>
    <t>The end of the world / edited by Donald A. Wollheim.-- Avon Books; c1956.-- (An Avon Book ; S-183).</t>
  </si>
  <si>
    <t>808.83/W85</t>
  </si>
  <si>
    <t>Murder on ice / Ted Wood ; : pbk.-- Bantam; 1985, c1984.</t>
  </si>
  <si>
    <t>813.5/W86</t>
  </si>
  <si>
    <t>Dead in the water / Ted Wood ; : pbk.-- Bantam; 1984.</t>
  </si>
  <si>
    <t>Let's choose executors / by Sara Woods.-- Popular Library; c1966.-- (Popular library).</t>
  </si>
  <si>
    <t>823.91/W86</t>
  </si>
  <si>
    <t>The third encounter / by Sara Woods.-- Avon Books; c1963.-- (Avon mystery).</t>
  </si>
  <si>
    <t>Knives have edges / Sara Woods.-- Dell; c1968.-- (Dell).</t>
  </si>
  <si>
    <t>Bloody instructions / by Sara Woods.-- Popular Library; c1962.-- (Popular Library).</t>
  </si>
  <si>
    <t>Malice Domestic / by Sara Woods.-- Avon Books; c1962.-- (Avon mystery).</t>
  </si>
  <si>
    <t>An improbables fiction / Sara Woods.-- Dell; c1971.-- (Dell).</t>
  </si>
  <si>
    <t>The black path of fear / Cornell Woolrich.-- Ballantine Books; c1982.-- (Ballantine mystery ; 30488).</t>
  </si>
  <si>
    <t>The black curtain / Cornell Woolrich.-- Ballantine Books; c1982.-- (Ballantine mystery).</t>
  </si>
  <si>
    <t>The night the gods smiled / by Eric Wright.-- New American Library; c1984.-- (Signet books ; AE3409).</t>
  </si>
  <si>
    <t>813.5/W94</t>
  </si>
  <si>
    <t>Wicked women / edited by Lee Wright.-- Pocket Book; 1960.-- (Pocket book ; 1263).</t>
  </si>
  <si>
    <t>The woman with the Portuguese basket / Eva-Lis Wuorio.-- Lancer Books; c1963.-- (Lancer Books ; 73-524).</t>
  </si>
  <si>
    <t>813.5/W96</t>
  </si>
  <si>
    <t>The woman with the Portuguese basket / Eva-Lis Wuorio.-- Lancer Books; c1963.-- (Lancer Books ; 74684-075).</t>
  </si>
  <si>
    <t>The terror factor / Eva-Lis Wuorio.-- Lancer Books; c1965.-- (Lancer Books ; 74710-075).</t>
  </si>
  <si>
    <t>The innocent ambassadors / Philip Wylie.-- Pocket Books; 1958.-- (A cardinal edition ; C-280).</t>
  </si>
  <si>
    <t>910/W98</t>
  </si>
  <si>
    <t>The Swiss family Robinson / by Johann Wyss.-- Grosset &amp; Dunlap; c1963.-- (Tempo books ; . A Tempo classic).</t>
  </si>
  <si>
    <t>833.6/W99</t>
  </si>
  <si>
    <t>Too soon to die / by Henry Wade.-- Macmillan; c1953.</t>
  </si>
  <si>
    <t>A dying fall / Henry Wade.-- Constable; 1955.</t>
  </si>
  <si>
    <t>The Litmore Snatch / Henry Wade.-- Constable; 1957.</t>
  </si>
  <si>
    <t>Lonely Magdalen / Henry Wade.-- Hodder &amp; Stoughton; 1965.-- (Classics of detection and adventure).</t>
  </si>
  <si>
    <t>Heir presumptive : a murder story / by Henry Wade.-- Macmillan; 1953.</t>
  </si>
  <si>
    <t>The lorry / Peter Wahloo ; translated by Joan Tate.-- Pan Books; 1972.-- (Picador).</t>
  </si>
  <si>
    <t>The river of stars / by Edgar Wallace ....-- Ward, Lock &amp; co., limited; 1926.</t>
  </si>
  <si>
    <t>Hardcover / by Wayne Warga.-- Arbor House; c1985.</t>
  </si>
  <si>
    <t>813.5/W38</t>
  </si>
  <si>
    <t>A : a novel / by Andy Warhol.-- Grove Press; c1968.</t>
  </si>
  <si>
    <t>Snobbery with violence : English crime stories and their audience / Colin Watson.-- Rev. [ed.].-- Eyre Methuen; 1979.</t>
  </si>
  <si>
    <t>Once off guard / by J.H. Wallis.-- The American Mercury; c1942.</t>
  </si>
  <si>
    <t>Detectives ltd. / by Frances Shelley Wees.-- Eyre &amp; Spottiswoode; 1933.</t>
  </si>
  <si>
    <t>823.91/W53</t>
  </si>
  <si>
    <t>The naked angel / by Jack Webb.-- Rinehart; c1953.-- (A Murray Hill mystery).</t>
  </si>
  <si>
    <t>The assassination of Mozart / by David Weiss.-- W. Morrow; 1971, c1970.</t>
  </si>
  <si>
    <t>780.92/Mo98/w</t>
  </si>
  <si>
    <t>God save the mark / Donald E. Westlake.-- Random House; c1967.</t>
  </si>
  <si>
    <t>A likely story / Donald E. Westlake.-- Penzler Book; c1984.</t>
  </si>
  <si>
    <t>America in 1876 : the way we were / by Lally Weymouth ; designed by Milton Glaser ; : pbk.-- Vintage Books; 1976.</t>
  </si>
  <si>
    <t>973.8/W64</t>
  </si>
  <si>
    <t>Svenskt land / av Prins Wilhelm.-- P.A. Norstedt &amp; Söners Förlag; 1947.</t>
  </si>
  <si>
    <t>914.3/W73</t>
  </si>
  <si>
    <t>One in four / by Leonard Wibberley.-- William Morrow; 1976.</t>
  </si>
  <si>
    <t>813.5/W71</t>
  </si>
  <si>
    <t>Murder ink : the mystery reader's companion / perpetrated by Dilys Winn ; : pbk.-- Workman Publishing; c1977.</t>
  </si>
  <si>
    <t>809.387/W76</t>
  </si>
  <si>
    <t>A dream of Dracula: in search of the living dead / by Leonard Wolf.-- Little, Brown; c1972.</t>
  </si>
  <si>
    <t>809.387/W84</t>
  </si>
  <si>
    <t>Too funny for words : a book for people who can't read / edited by Bill Yates.-- Dell Publishing; c1954.-- (Dell Book ; 39).</t>
  </si>
  <si>
    <t>741.5/Y66</t>
  </si>
  <si>
    <t>A kiss a day keeos the corpses away / by James Yardley.-- New American Library; c1971.-- (A Signet book ; T4683).</t>
  </si>
  <si>
    <t>823.91/Y59</t>
  </si>
  <si>
    <t>Kiss the boys and make them die / by James Yardley.-- New American Library; c1970.-- (A Signet book ; T4395).</t>
  </si>
  <si>
    <t>The face of the deep / Jim Young ; : pbk.-- Advance Uncorrected Proofs.-- Pocket Books; c1979.</t>
  </si>
  <si>
    <t>813.5/Y84</t>
  </si>
  <si>
    <t>Dead in the morning / Margaret Yorke.-- Bantam Books; 1982.-- (A Bantam book ; Mystery).</t>
  </si>
  <si>
    <t>823.91/Y84</t>
  </si>
  <si>
    <t>Hazell plays Solomon / P.B. Yuill.-- Penguin; 1976.-- (penguin crime fiction).</t>
  </si>
  <si>
    <t>823.91/Y97</t>
  </si>
  <si>
    <t>La hache, le koto et le chrysanthème : roman / Seishi Yokomizo ; traduit du japonais par Vincent Gavaggio.-- Denoël; c1976.</t>
  </si>
  <si>
    <t>895.64/Y77</t>
  </si>
  <si>
    <t>Stars : a guide to the constellations, sun, moon, planets, and other features of the heavens / by Hebert S. Zim, Ph.D. and Robert H. Baker, Ph.D., D.Sc..-- Simon and Schuster; c1956.</t>
  </si>
  <si>
    <t>523.1/Z4</t>
  </si>
  <si>
    <t>Path of the eclipse : a historical horror novel, fourth in the Count de Saint-Germain series / Chelsea Quinn Yarbro.-- St. Martin's Press; c1981.</t>
  </si>
  <si>
    <t>813.5/Y59</t>
  </si>
  <si>
    <t>The American black chamber / by Herbert O. Yardley.-- Bobbs-Merrill Company; c1931.</t>
  </si>
  <si>
    <t>355/Y59</t>
  </si>
  <si>
    <t>Latin blood : the best crime and detective stories of South America / edited by Donald A. Yates.-- Herder and Herder; 1972.</t>
  </si>
  <si>
    <t>863.0872/Y66</t>
  </si>
  <si>
    <t>Robin des Bois / A. Dumas ; illustrations de Arrigoni.-- Mondiales; 1964.</t>
  </si>
  <si>
    <t>Blommornas bok / visor av Jeanna Oterdahl ; illustrerade av Elza beskow.-- Albert Bonniers Förlag.</t>
  </si>
  <si>
    <t>839.7/O85</t>
  </si>
  <si>
    <t>The tasks of Tantalon : a puzzlequest book / devised and written by Steve Jackson ; illustrated by Stephen Lavis.-- Oxford University Press; c1985.</t>
  </si>
  <si>
    <t>Le magicien de cracovie / Krytyna Turska.-- Flammarion; c1975.</t>
  </si>
  <si>
    <t>741.5/Tu8</t>
  </si>
  <si>
    <t>Le erbe aromatizzanti : curarsi con l'erbario / direzione editorialr Peir Antonio Spizzotin.-- Del drago; c1990.</t>
  </si>
  <si>
    <t>635.7/E67</t>
  </si>
  <si>
    <t>The eleventh hour : a curious mystery / Graeme Base.-- Viking; 1997.</t>
  </si>
  <si>
    <t>793/B26</t>
  </si>
  <si>
    <t>Animalia / Graeme Base.-- Viking; 1997.</t>
  </si>
  <si>
    <t>741.5/B26</t>
  </si>
  <si>
    <t>Out of the pit : fighting fantasy monsters / Steve Jackson and Ian Livingstone ; edited by Marc Gascoigne.-- Puffin Books; c1985.</t>
  </si>
  <si>
    <t>Stephen King's creepshow : a George A. Romero Film / art by Berni Wrightson with Michele Wrightson ; cover art by Jack Kamen.-- Plume; 1982.</t>
  </si>
  <si>
    <t>741.5/W94</t>
  </si>
  <si>
    <t>The Haunted playhouse / Philip Herriott ; : pbk.-- Macmillan Children's; 1985.</t>
  </si>
  <si>
    <t>793/H53</t>
  </si>
  <si>
    <t>Booox : Katsu Kimura's works.-- Benedikt Taschen Verlag; c1991.</t>
  </si>
  <si>
    <t>760/Ki39</t>
  </si>
  <si>
    <t>A pictorial history of science fiction / [by] David Kyle.-- Hamlyn; 1976.</t>
  </si>
  <si>
    <t>809.387/Ky1</t>
  </si>
  <si>
    <t>The house of Beadle and Adams : and its dime and nickel novels : the story of a vanished literature / by Albert Johannsen ; with a foreword by John T. McIntyre ; v. 1, v. 2, v. 3.-- University of Oklahoma Press; 1950-.</t>
  </si>
  <si>
    <t>813.5/J62/3</t>
  </si>
  <si>
    <t>The Awdrey-Gore legacy / [by] Edward Gorey.-- Dodd, Mead; c1972.</t>
  </si>
  <si>
    <t>741.5/G67</t>
  </si>
  <si>
    <t>The movie murder mystery quiz book : 50 years of whodunits / John M. Howard.-- A. S. Barnes; c1981.</t>
  </si>
  <si>
    <t>791.43/H96</t>
  </si>
  <si>
    <t>The visual encyclopedia of science fiction / edited by Brian Ash.-- Pan Books; 1977.</t>
  </si>
  <si>
    <t>Crime fiction, 1749-1980 : a comprehensive bibliography / Allen J. Hubin.-- Garland Pub.; 1984.-- (Garland reference library of the humanities ; v. 371).</t>
  </si>
  <si>
    <t>809.387/H98</t>
  </si>
  <si>
    <t>The pulps : fifty years of American pop culture / compiled and edited by Tony Goodstone ; research consultant Sam Moskowitz ; Photography Christine E. Haycock.-- Chelsea House; c1970.</t>
  </si>
  <si>
    <t>813.087/P96</t>
  </si>
  <si>
    <t>mindwheel : an elecronic novel / by Robert Pinsky.-- A Synapse &amp; Brodebund Production; c1984.</t>
  </si>
  <si>
    <t>Tumbleweed : a novel / by Janwillem van de Wetering.-- Houghton Mifflin; 1976.</t>
  </si>
  <si>
    <t>The island of Doctor Moreau / H.G. Wells ; edited by Brian Aldiss.-- J.M. Dent.-- (The Everyman library).</t>
  </si>
  <si>
    <t>The time machine / H.G. Wells ; edited by Michael Moorcock.-- J.M. Dent.-- (The Everyman library).</t>
  </si>
  <si>
    <t>The shape of things to come : the ultimate revolution / H.G. Wells ; edited by John Hammond.-- J.M. Dent.-- (The Everyman library).</t>
  </si>
  <si>
    <t>When the sleeper wakes   / H.G. Wells ; edited by John Lawton.-- J.M. Dent.-- (The Everyman library).</t>
  </si>
  <si>
    <t>Three prophetic science fiction novels of H.G. Wells.-- Dover Publications; c1960.</t>
  </si>
  <si>
    <t>Marriage / by H. G. Wells.-- Macmillan; 1920..</t>
  </si>
  <si>
    <t>The man with a nose : and the other uncollected short stories of H.G. Wells / edited and with an introduction by J.R. Hammond.-- Athlone Press; 1984.</t>
  </si>
  <si>
    <t>H.G. Wells, early writings in science and science fiction / edited, with critical commentary and notes, by Robert M. Philmus and David Y. Hughes.-- University of California Press; c1975.</t>
  </si>
  <si>
    <t>823.91/W57/p</t>
  </si>
  <si>
    <t>The time traveller : the life of H.G. Wells / Norman and Jeanne MacKenzie.-- Weidenfeld and Nicolson; c1973.</t>
  </si>
  <si>
    <t>823.91/W57/m</t>
  </si>
  <si>
    <t>A nonsense anthology / Collected by Carolyn Wells.-- Dover Publications; c1958.</t>
  </si>
  <si>
    <t>827/W57</t>
  </si>
  <si>
    <t>Fyra decennier med Dennis Wheatley : en biografi och bibliografi / av Iwan Hedma, Jan Alexandersson.-- Dast forlag; 1973.-- (Dast dossier ; nr. 1).</t>
  </si>
  <si>
    <t>823.91/W66/h</t>
  </si>
  <si>
    <t>The last battle / Leonard Wibberley.-- Farrar, Straus and Giroux; c1976.</t>
  </si>
  <si>
    <t>The mouse that roared /  by Leonard Wibberley.-- Little, Brown; c1955.</t>
  </si>
  <si>
    <t>I was looking for a street / Charles Willeford.-- Countryman Press; c1988.</t>
  </si>
  <si>
    <t>Leave her to heaven / by Ben Ames Williams.-- The Sun dial press; 1947, c1944.</t>
  </si>
  <si>
    <t>Dr. Crippen's diary : an invention / Emlyn Williams.-- Robson Books; c1987.</t>
  </si>
  <si>
    <t>The clock ticks on /  by Valentine Williams.-- P.F. Collier &amp; Son Co.; c1933.-- (Secert Service series).</t>
  </si>
  <si>
    <t>Funeral march for Siegfried : a Richard York detective novel / Audrey Williamson.-- Paul Elek; 1979.</t>
  </si>
  <si>
    <t>The historian as detective : essays on evidence / Robin W. Winks, editor.-- Harper &amp; Row; c1969.</t>
  </si>
  <si>
    <t>Colloquium on crime : eleven renowned mystery writers discuss their work / Robin W. Winks, editor.-- Charles Scribner's sons; c1986.</t>
  </si>
  <si>
    <t>Modus operandi : an excursion into detective fiction / Robin W. Winks.-- David R. Godine; 1982.</t>
  </si>
  <si>
    <t>Uncle Fred in the springtime / P.G. Wodehouse.-- Doubleday, Doran &amp; co., inc.; 1939.</t>
  </si>
  <si>
    <t>823.91/W82</t>
  </si>
  <si>
    <t>Heavy weather / by  P. G. Wodehouse.-- Herbert Jenkins; 19--.-- (A Herbert Jenkins'  Book).</t>
  </si>
  <si>
    <t>Beams falling : the art of Dashiell Hammett / Peter Wolfe ; pbk..-- Bowling Green University Popular Press; c1980.</t>
  </si>
  <si>
    <t>813.5/H26/w</t>
  </si>
  <si>
    <t>The Black Angel / by Cornell Woolrich.-- Published for the Crime club by Doubleday, Doran and company, inc; 1943.</t>
  </si>
  <si>
    <t>Nightmare / Cornell Woolrich.-- Dodd, Mead &amp; Co.; c1956.-- (Red badge detective).</t>
  </si>
  <si>
    <t>Darkness at dawn : early suspense classics / by Cornell Woolrich ; edited by Francis M. Nevins, Jr. &amp; Martin H. Greenberg ; introduction by Francis M. Nevins, Jr.-- Xanadu Publications; 1988, c1985.</t>
  </si>
  <si>
    <t>Angels of darkness / by Cornell Woolrich ; introdction by Harlan Ellison ; limited ed.-- Mysterious Press; 1978.</t>
  </si>
  <si>
    <t>Darkness at dawn : early suspense classics / by Cornell Woolrich ; edited by Francis M. Nevins, Jr. &amp; Martin H. Greenberg ; introduction by Francis M. Nevins, Jr.-- Peter Bedrick  Books; 1988, c1987.</t>
  </si>
  <si>
    <t>Nightwebs : a collection of stories / by Cornell Woolrich ; ed. by Francis M. Nevins, Jr.-- Harper &amp; Row; c1971.</t>
  </si>
  <si>
    <t>Swiss Family Robinson / by Johann Wyss ; illustrated by Gay Galsworthy ; abridged by Audrey Butler ; general editor, Grace Hogarth.-- Collins; c1970.</t>
  </si>
  <si>
    <t>Walk softly, men praying / Oswald Wynd.-- Harcourt, Brace &amp; World; c1967.</t>
  </si>
  <si>
    <t>823.91/W98</t>
  </si>
  <si>
    <t>Koš!  / Simonović, Ljubodrag , Knežević, Ratomir , Ršumović, Ljubivoje.-- Nolit; [1974].</t>
  </si>
  <si>
    <t>741.5/Si8</t>
  </si>
  <si>
    <t>Ein Senior von Europiens Monarchen : Grundriss zu einem biographischen Denkmal für König Oscar II König von Schweden und Norwegen / Nach den besten Quellen bearbeitet und herausgegeben von Conrad Beyer-Boppard.-- Fock; 1901.</t>
  </si>
  <si>
    <t>948/B39</t>
  </si>
  <si>
    <t>The Penguin encyclopedia of horror and the supernatural / edited by Jack Sullivan ; with an introduction by Jacques Barzun.-- Viking; 1986.</t>
  </si>
  <si>
    <t>704.94/Su55</t>
  </si>
  <si>
    <t>The Dope chronicles, 1850-1950 / editor, Gary Silver ; introd. and commentary, Michael R. Aldrich.-- Harper &amp; Row; c1979.</t>
  </si>
  <si>
    <t>362.2/Si4</t>
  </si>
  <si>
    <t>The Oz scrapbook / by David L. Greene and Dick Martin.-- 1st ed.-- Random House; c1977.</t>
  </si>
  <si>
    <t>813.5/B28/g</t>
  </si>
  <si>
    <t>The NME rock'n'roll years.-- Hamlyn; c1990.</t>
  </si>
  <si>
    <t>782.4/H53</t>
  </si>
  <si>
    <t>The annotated Dracula : Dracula / by Bram Stoker ; introduction, notes, and bibliography by Leonard Wolf ; art by Sätty.-- 1st ed.-- Clarkson N. Potter : distributed by Crown Publishers; c1975.</t>
  </si>
  <si>
    <t>The art of electronic music / compiled by Tom Darter ; edited by Greg Armbruster ; pbk..-- Morrow; c1984.</t>
  </si>
  <si>
    <t>786/A79</t>
  </si>
  <si>
    <t>The American Heritage dictionary of the English language / ed. by William Morris.-- De luxe edtion.-- American Heritage Publishing Co.; c1969.</t>
  </si>
  <si>
    <t>423/Mo78</t>
  </si>
  <si>
    <t>The bibliography of crime fiction, 1749-1975 : listing of all mystery, detective, suspense, police, and gothic fiction in book form published in the English language / Allen J. Hubin.-- University Extension, University of California, San Diego.-- (Mystery library).</t>
  </si>
  <si>
    <t>Subject guide to books in print : an index to the publishers' trade list annual, 1963 / editen by Shrah L.Prakken.-- R.R. Bowker; 1963.</t>
  </si>
  <si>
    <t>015.73/P88</t>
  </si>
  <si>
    <t>Who done it? : A guide to detective, mystery, and suspense fiction / by Ordean A. Hagen.-- Bowker; c1969.</t>
  </si>
  <si>
    <t>809.387/H12</t>
  </si>
  <si>
    <t>The author's and writer's who's who.-- 5th ed.-- Burke's Peerage; 1963.</t>
  </si>
  <si>
    <t>803/A96</t>
  </si>
  <si>
    <t>La littérature française / Henri Lemaỉre, Thérèse van der Elst, Roger Pagosse ; Tome 3 : Les ・volutions du XIXe si・cle.-- Bordas et Laffont; c1971.-- (Bibliothèque des connaissances essentielles).</t>
  </si>
  <si>
    <t>840.9/L54/3</t>
  </si>
  <si>
    <t>Horror literature : a core collection and reference guide / edited by Marshall B. Tymn ; pbk..-- Bowker; 1981.</t>
  </si>
  <si>
    <t>809.387/Ty5</t>
  </si>
  <si>
    <t>The island of Doctor Moreau : a variorum text / H.G. Wells ; edited by Robert M. Philmus.-- University of Georgia Press; c1993.</t>
  </si>
  <si>
    <t>Gloryhits / Bob Stickgold and Mark Noble.-- 1st ed.-- Ballantine Books; c1978.-- (A Del Rey book).</t>
  </si>
  <si>
    <t>The Thrill of horror : 22 terrifying tales / edited by Hugh Lamb.-- Taplinger Publishing Co.; c1975.</t>
  </si>
  <si>
    <t>823.087/L16</t>
  </si>
  <si>
    <t>Зарубежный детектив.-- Молодая гвардия; 1975.</t>
  </si>
  <si>
    <t>808.83/Z1</t>
  </si>
  <si>
    <t>Современный Болгарский детектив.-- Прогресс; 1979.</t>
  </si>
  <si>
    <t>891.81/So92</t>
  </si>
  <si>
    <t>Watteau's shepherds : the detective novel in Britain, 1914-1940 / LeRoy Panek ; pbk..-- Bowling Green University Popular Press; c1979.</t>
  </si>
  <si>
    <t>823.0872/P21</t>
  </si>
  <si>
    <t>The Armchair detective book of lists / edited by Edward Strosser.-- Armchair Detective; c1989.</t>
  </si>
  <si>
    <t>813.0872/St8</t>
  </si>
  <si>
    <t>The new hard-boiled dicks : a personal checklist / by Robert E. Skinner.-- Borgo Press; 1987.</t>
  </si>
  <si>
    <t>813.0872/Sk</t>
  </si>
  <si>
    <t>Murder in the millions : Erle Stanley Gardner, Mickey Spillane, Ian Fleming / J. Kenneth Van Dover ; pbk..-- Ungar; c1984.</t>
  </si>
  <si>
    <t>813.0872/V26</t>
  </si>
  <si>
    <t>Philo Vance : the life and times of S.S. Van Dine / by Jon Tuska.-- Bowling Green University Popular Press; 1971.</t>
  </si>
  <si>
    <t>813.5/V26/t</t>
  </si>
  <si>
    <t>Death comes on Friday /  Lillian Day and Norbert Lederer.-- E. P. Dutton &amp; co., inc; 1937.</t>
  </si>
  <si>
    <t>813.5/D48</t>
  </si>
  <si>
    <t>The murderer is a fox / by Ellery Queen . Dread journey / by Dorothy B. Hughes . The curse of the bronze lamp / by Carter Dickson.-- Published for the Detective Book Club by Walter J. Black; c1945.</t>
  </si>
  <si>
    <t>808.83/Mu66</t>
  </si>
  <si>
    <t>3 star omnibus.-- Alfred A. Knopf; 1936.</t>
  </si>
  <si>
    <t>808.83/Th8</t>
  </si>
  <si>
    <t>Unnatural death / by Dorothy L. Sayers.-- Gollancz; 1972.</t>
  </si>
  <si>
    <t>Henry Darger : in the realms of the unreal / John M. MacGregor.-- Delano Greenidge Editions; 2002.</t>
  </si>
  <si>
    <t>741.6/D41/m</t>
  </si>
  <si>
    <t>O Kypios Apkantin / Tzōptz Opson Oyelles.-- "Astynomika" Biblia tes Tsepes; 19--.</t>
  </si>
  <si>
    <t>889/O95</t>
  </si>
  <si>
    <t>Dr. George Gallup's 1956 pocket almanac of facts / Robert W. Mangold and S. Arthur.-- Pocket Books; 1956.-- (A Cardinal Giant ; GC-1956).</t>
  </si>
  <si>
    <t>051/Ma43</t>
  </si>
  <si>
    <t>Adventures in the far future ; Tales of outer space / edited by Donald A. Wollheim.-- Ace Books; c1954.-- (Ace books ; D-73).</t>
  </si>
  <si>
    <t>Frankenstein / by Mary Shelley. Dracula / by Bram Stoker. Dr.Jekyll And Mr.hyde / by Robert Louis Stevenson ; with an introduction by Stephen King.-- New American Library; c1978.-- (A Signet classic ; CE1532).</t>
  </si>
  <si>
    <t>Das Rowohlt-Thriller-Lesebuch / hrsg. von Richard K. Flesch.-- Rowohlt; c1983.</t>
  </si>
  <si>
    <t>808.83/F32</t>
  </si>
  <si>
    <t>The 14th Pan book of horror stories / edited by Herbert Van Thal.-- Pan Books; 1973.</t>
  </si>
  <si>
    <t>808.83/V26</t>
  </si>
  <si>
    <t>The story of mankind / Hendrik Willem Van Loon.-- Pocket Book; 1939.-- (Pocket Book ; 15).</t>
  </si>
  <si>
    <t>911/V26</t>
  </si>
  <si>
    <t>The scarab murder case / S.S. Van Dine.-- Bantam Books; 1947, c1946.-- (Bantam books ; 96).</t>
  </si>
  <si>
    <t>The year's best horror stories / edited by Richard Davis ; 1, 2.-- Sphere; c1971-.</t>
  </si>
  <si>
    <t>808.83/Y69/1</t>
  </si>
  <si>
    <t>808.83/Y69/2</t>
  </si>
  <si>
    <t>The castle of Otranto / by H. Walpole . Vathek / by W. Beckford . Frankenstein / by M. W. Shelley.-- Penguin; 1968.-- (Penguin English library ;  . Three Gothic novels / edited by Peter Fairclough with an introductory essay  by Mario Praz).</t>
  </si>
  <si>
    <t>823.087/F12</t>
  </si>
  <si>
    <t>The seventh Pan book of horror stories / selected by Herbert Van Thal.-- Pan Books; 1966.</t>
  </si>
  <si>
    <t>808.83/V26/7</t>
  </si>
  <si>
    <t>The ninth Pan book of horror stories / selected by Herbert Van Thal.-- Pan Books; 1968.</t>
  </si>
  <si>
    <t>808.83/V26/9</t>
  </si>
  <si>
    <t>The eleventh Pan book of horror stories / selected by Herbert Van Thal.-- Pan Books; 1970.</t>
  </si>
  <si>
    <t>808.83/V26/11</t>
  </si>
  <si>
    <t>100 great fantasy short short stories / edited by Isaac Asimov, Terry Carr, and Martin H. Greenberg.-- Avon Books; c1984.</t>
  </si>
  <si>
    <t>Masters of terror / William Hope Hodgson ; edited by Peter Tremayne ; v. 1 : pbk.-- Corgi; 1977.</t>
  </si>
  <si>
    <t>Steve Jackson and Ian Livingstone present Talisman of death / Jamie Thomson and Mark Smith ; illustrated by Bob Harvey.-- Puffin Books ; New York : Penguin Books; 1985.</t>
  </si>
  <si>
    <t>793/Th7</t>
  </si>
  <si>
    <t>The house of the nightmare, and other eerie tales / chosen by Kathleen Lines.-- Penguin; 1970, c1967.-- (Puffin books).</t>
  </si>
  <si>
    <t>823.087/L63</t>
  </si>
  <si>
    <t>The best of Henry Kuttner / by Henry Kuttner ; 1.-- Mayflower; 1965.</t>
  </si>
  <si>
    <t>813.5/Ku94/1</t>
  </si>
  <si>
    <t>A century of great short science fiction novels / edited by Damon Knight.-- Mayflower; c1964.</t>
  </si>
  <si>
    <t>808.83/Kn3</t>
  </si>
  <si>
    <t>Alice in puzzle-land : a Carrollian tale for children under eighty / Raymond Smullyan ; with an introduction by Martin Gardner ; illustrated by Greer Fitting ; : pbk.-- Penguin Books; 1984.</t>
  </si>
  <si>
    <t>793/Sm8</t>
  </si>
  <si>
    <t>The Pocket Book of bridge puzzles / by Alfred Sheinwold ; 4.-- Pocket Book; 1970.</t>
  </si>
  <si>
    <t>793/Sh14/4</t>
  </si>
  <si>
    <t>The chess mysteries of Sherlock Holmes / Raymond Smullyan.-- Hutchinson; 1980.</t>
  </si>
  <si>
    <t>794.1/Sm8</t>
  </si>
  <si>
    <t>The chess mysteries of Sherlock Holmes / Raymond Smullyan.-- Afred A. Knopf; c1979.</t>
  </si>
  <si>
    <t>O as in omen / by Lawrence Treat.-- Novel Selections; c1943.</t>
  </si>
  <si>
    <t>The cat wears a noose / D.B. Olsen.-- Novel Selections; c1944.</t>
  </si>
  <si>
    <t>Larousse's French-English English-French dictionary : two volumes in one / Marguerite-Marie Dubois.-- Washington Square Press; c1954.</t>
  </si>
  <si>
    <t>443.2/D93</t>
  </si>
  <si>
    <t>The Womansleuth anthology : contemporary mystery stories by women / edited by Irene Zahava ; pbk..-- Crossing Press; c1988.-- (WomanSleuth mystery).</t>
  </si>
  <si>
    <t>813.0872/Z1</t>
  </si>
  <si>
    <t>Macbeth / William Shakespeare ; edited by G.K. Hunter.-- Penguin; 1967.-- (New Penguin Shakespeare ; [19]).</t>
  </si>
  <si>
    <t>822.33/Sh12</t>
  </si>
  <si>
    <t>The Black Angel / by Cornell Woolrich.-- Lawrence E. Spivak; c1943.</t>
  </si>
  <si>
    <t>The fire engine that disappeared / [by] Maj Sjöwall and Per Wahlöö ; translated from the Swedish by Joan Tate.-- Bantam Books; 1972.</t>
  </si>
  <si>
    <t>Murder at the savoy : a Martin Beck mystery / [by] Maj Sjöwall and Per Wahlöö ; translated from the Swedish by Amy and Ken Knoespel.-- Bantam Books; 1972.</t>
  </si>
  <si>
    <t>The Haunted railway game : based on Enid Blyton's Five go off to camp / illustrated by Gary Rees.-- Hodder and Stoughton; 1985.-- (Adventure games book).</t>
  </si>
  <si>
    <t>793/R23</t>
  </si>
  <si>
    <t>The affair of the lost compression and other stories.-- Ferret Fantasy; 1975.</t>
  </si>
  <si>
    <t>823.0872/A18</t>
  </si>
  <si>
    <t>Holiday catalogue : The mysterious bookshop ; 1994, 1996, 1996 spring-summer.-- The mysterious bookshop; 1994-.</t>
  </si>
  <si>
    <t>011/H83</t>
  </si>
  <si>
    <t>The Backstabber's guide / edited by Annie Jones.-- Owl Press; c1991.</t>
  </si>
  <si>
    <t>824.91/J72</t>
  </si>
  <si>
    <t>The baffle Book / Lassiter Wren and Randle Mckay ; edited by F. Tennyson Jesse ; : pbk.-- Hogarth; 1984, c1958.</t>
  </si>
  <si>
    <t>793/W93</t>
  </si>
  <si>
    <t>Be an interplanetary spy / by Seth McEvoy ; illustrated by Marc Hempel and Mark Wheatley ; 1 - 12.-- Bantam Books; 1983-.</t>
  </si>
  <si>
    <t>793/Ma14/1</t>
  </si>
  <si>
    <t>793/Ma14/2</t>
  </si>
  <si>
    <t>793/Ma14/3</t>
  </si>
  <si>
    <t>793/Ma14/4</t>
  </si>
  <si>
    <t>793/Ma14/5</t>
  </si>
  <si>
    <t>793/Ma14/6</t>
  </si>
  <si>
    <t>793/Ma14/7</t>
  </si>
  <si>
    <t>793/Ma14/9</t>
  </si>
  <si>
    <t>793/Ma14/12</t>
  </si>
  <si>
    <t>Escape from Tenopia / by Edward Packard ; illustrated by David Perry ; 1, 2.-- Bantam Books; c1986.-- (A Bantama Book).</t>
  </si>
  <si>
    <t>793/P12/1</t>
  </si>
  <si>
    <t>793/P12/2</t>
  </si>
  <si>
    <t>Time machine 2 : search for dinosaurs / by David Bischoff ; illustrated by Doug Henderson and Alex Nino ; pbk., pbk..-- Bantam Books; 1984.</t>
  </si>
  <si>
    <t>793/B47</t>
  </si>
  <si>
    <t>Feeling better? : medical cartoons from post / selected by the Saturday evening post.-- Popular Library; c1963.-- (Popular Library ; K76).</t>
  </si>
  <si>
    <t>741.5/Sa89</t>
  </si>
  <si>
    <t>The complete letter writer / compiled and edited by N.H. and S.K. Mager.-- Rev. ed..-- Pocket Books; 1968.</t>
  </si>
  <si>
    <t>808.6/Ma29</t>
  </si>
  <si>
    <t>World atlas / Rand Mcnally.-- Pocket Books; 1951.-- (A Cardinal edition ; C-20).</t>
  </si>
  <si>
    <t>902/Ma23</t>
  </si>
  <si>
    <t>Great baseball stories / selected and inroduced by Jerry D. Lewis.-- Tempo Books; c1979.</t>
  </si>
  <si>
    <t>808.83/L59</t>
  </si>
  <si>
    <t>1962 pro football handbook / by Don Schiffer ; illustrated with 16 pages of action photographs.-- Pocket Books; 1962.</t>
  </si>
  <si>
    <t>796.332/Sc3</t>
  </si>
  <si>
    <t>Moon zero two : from the story for the film / by Gavin Lyall, Frank Hardman and Martin Davison ; adapted by John Burke ; pbk.-- Pan Books; 1969.</t>
  </si>
  <si>
    <t>823.91/Mo31</t>
  </si>
  <si>
    <t>Great murder stories / by America's foremost mystery writers.-- Penguin Books; c1946.-- (Penguin books ; 655).</t>
  </si>
  <si>
    <t>Everything happens at night / by Bernard Wolfe.-- New American Library; c1954.-- (A Signet book ; S1238).</t>
  </si>
  <si>
    <t>813.5/W84</t>
  </si>
  <si>
    <t>Adventures on other planets / by Donald A. Wollheim.-- Ace Books; c1955.-- (Ace books ; S-133).</t>
  </si>
  <si>
    <t>813.5/W85</t>
  </si>
  <si>
    <t>The man who went up in smoke / by Maj Sjöwall and Per Wahlöö. Translated from the Swedish by Joan Tate.-- Bantam Books; 1970.-- (A Bantam Book ; H5453).</t>
  </si>
  <si>
    <t>The laughing policeman : now filmed as An investigation of murder / Maj Sjöwall &amp; Per Wahlöö.-- Bantam Books; 1971.-- (A Bantam Book ; S5749).</t>
  </si>
  <si>
    <t>A pocket-Dictionary of the Latin and English lamguages / compiled by Prof. Karl Feyerabend, Ph. D..-- Langenscheidtsche Verlagsbuchhandlung; c1912.</t>
  </si>
  <si>
    <t>473/F23</t>
  </si>
  <si>
    <t>26 mystery stories : old and new / by twenty and six authors ; edited by Ernest Rhys and C.A. Dawsin-Scott.-- D. Appleton And Company; 1927.</t>
  </si>
  <si>
    <t>808.83/R31</t>
  </si>
  <si>
    <t>The man who lost his shadow, and nine other German fairy tales / retold by Gertrude C. Schwebell ; illustrated by Max Barsis.-- Dover; 1974.-- (Dover books for children).</t>
  </si>
  <si>
    <t>833.087/Sc8</t>
  </si>
  <si>
    <t>Confessions of the nun of St. Omer : a tale / Rosa Matilda ; Introduction by Davendra P. Varma ; vol.1, vol.2.-- Arno Press; 1972.-- (Gothic novels).</t>
  </si>
  <si>
    <t>823.7/D11/1</t>
  </si>
  <si>
    <t>823.7/D11/2</t>
  </si>
  <si>
    <t>St. Leon : a tale of the sixteenth century / William godwin ; Foreword by Devendra P. Varma; Introdction by Juliet Beckett.-- Arno Press; 1972.-- (Gothic novels).</t>
  </si>
  <si>
    <t>823.6/G55</t>
  </si>
  <si>
    <t>The Recess or A tale of other times / Sophia Lee ; foreword by J.M.S. Tompkins ; introduction by Devendra P. Varma ; vol.1, vol.2, vol.3.-- Arno Press; 1972.-- (Gothic novels).</t>
  </si>
  <si>
    <t>823.6/L51/1</t>
  </si>
  <si>
    <t>823.6/L51/2</t>
  </si>
  <si>
    <t>823.6/L51/3</t>
  </si>
  <si>
    <t>The bravo of Venice : a romance / [Heinrich Zschokke] ; translated by M. G. Lewis ; introduction by Davendra P. Varma.-- Arno Press; 1972.-- (Gothic novels).</t>
  </si>
  <si>
    <t>823.7/Z5</t>
  </si>
  <si>
    <t>Varney the vampire : or, The feast of blood / The first in a series of Gothic novels under the editorial direction of Sir Devendra P. Varma ; vol.1, vol.2, vol.3.-- Arno Press; c1970.-- (Gothic novels).</t>
  </si>
  <si>
    <t>823.8/R94/1</t>
  </si>
  <si>
    <t>823.8/R94/2</t>
  </si>
  <si>
    <t>823.8/R94/3</t>
  </si>
  <si>
    <t>The castles of Athlin and Dunbayne : a Highland story / Ann Radcliffe ; foreword by Frederick Shroyer.-- Arno Press; 1972.-- (Gothic novels).</t>
  </si>
  <si>
    <t>823.7/R11</t>
  </si>
  <si>
    <t>Gaston de Blondeville : or, The court of Henry III keeping festival in Ardenne; a romance / Ann Radcliffe ; Introduction by Devendra P. Varma ; vol.1, vol.2.-- Arno Press; 1972.-- (Gothic novels).</t>
  </si>
  <si>
    <t>823.7/R11/1</t>
  </si>
  <si>
    <t>823.7/R11/2</t>
  </si>
  <si>
    <t>A Sicilian romance / Ann Radcliffe ; forward by Howard Mumford Jones ; introduction by Devendra P. Varma.-- Arno Press; 1972.-- (Gothic novels).</t>
  </si>
  <si>
    <t>Manfrone : or, The one-handed monk / Mary Anne Radcliffe  ; forward by Devendra P. Varma ; introduction by Coral Ann Howells ; vol.1, vol.2.-- Arno Press; 1972.-- (Gothic novels).</t>
  </si>
  <si>
    <t>823.6/R11/1</t>
  </si>
  <si>
    <t>823.6/R11/2</t>
  </si>
  <si>
    <t>The nocturnal minstrel : or, The spirit of the wood / Eleanor Sleath ; introduction by Devendra P. Varma.-- Arno Press; 1972.-- (Gothic novels).</t>
  </si>
  <si>
    <t>823.6/Sl</t>
  </si>
  <si>
    <t>Yenne velt : the great works of Jewish fantasy and occult / compiled, translated, and introduced by Joachim Neugroschel ; vol.1, vol.2.-- Stonehill Publishing Co.; c1976.</t>
  </si>
  <si>
    <t>839.1/N67/1</t>
  </si>
  <si>
    <t>839.1/N67/2</t>
  </si>
  <si>
    <t>Chandlertown : the Los Angeles of Philip Marlowe / Edward Thorpe.-- Vermilion; 1983.</t>
  </si>
  <si>
    <t>813.5/C33/t</t>
  </si>
  <si>
    <t>Chandlertown : the Los Angeles of Philip Marlowe / Edward Thorpe.-- St. Martin's Press; c1983.</t>
  </si>
  <si>
    <t>Not one of us / June Thomson.-- Harper &amp; Row; c1971.</t>
  </si>
  <si>
    <t>What is the name of this book? : the riddle of Dracula and other logical puzzles / Raymond Smullyan.-- Penguin; 1981 c1978.-- (Pelican books).</t>
  </si>
  <si>
    <t>793.9/Sm8</t>
  </si>
  <si>
    <t>The Penguin classic crime omnibus / edited by Julian Symons.-- Penguin; 1984.</t>
  </si>
  <si>
    <t>Masters of mystery : a study of the detective story / by H. Douglas Thomson.-- Folcroft Press; [1969].</t>
  </si>
  <si>
    <t>809.387/Th7</t>
  </si>
  <si>
    <t>Masters of mystery : a study of the detective story / by H. Douglas Thomson.-- Folcroft Library Editions; 1973.</t>
  </si>
  <si>
    <t>Aidan Chambers' book of ghosts and hauntings / illustrated by Antony Maitland and with photographs.-- Puffin Books; 1973.-- (Puffin books).</t>
  </si>
  <si>
    <t>133.1/C32</t>
  </si>
  <si>
    <t>Bliss and bluster : or, How to crack a nut / Janwillem van de Wetering ; illustrated by Joe Servello ; pbk..-- Houghton Mifflin; 1982.</t>
  </si>
  <si>
    <t>Våra populärförfattare : det bästa ur Dast nr 1-49 : (med huvudregister, titelregister samt litteraturförteckning) / sammanst. och red. av Iwan Hedman-Morelius  VOL ISBN9185208035 PRICE XISBN.-- DAST; 1976.</t>
  </si>
  <si>
    <t>070.5/H51</t>
  </si>
  <si>
    <t>Crime prevention in the 30th century / Edited, with an introduction, by Hans Stefan Santesson.-- Walker &amp; Co.; 1969.</t>
  </si>
  <si>
    <t>813.087/Sa67</t>
  </si>
  <si>
    <t>Sheerluck Jones : a dramatic criticism in four paragraphs and as many headlines / by Malcolm Watson and Edward La Serre.-- Peter Schoffer; 1982.</t>
  </si>
  <si>
    <t>812.5/G45/w</t>
  </si>
  <si>
    <t>Encyclopedia of mystery and detection / Chris Steinbrunner and Otto Penzler, editors-in-chief ; Marvin Lachman and Charles Shibuk, senior editors.-- McGraw-Hill; c1976.</t>
  </si>
  <si>
    <t>Twentieth-century crime and mystery writers / editor, John M. Reilly.-- St. Martin's Press; c1980.-- (Twentieth century writers of the English language).</t>
  </si>
  <si>
    <t>809.387/Tw</t>
  </si>
  <si>
    <t>The encyclopedia of science fiction and fantasy through 1968 : a bibliographic survey of the fields of science fiction, fantasy, and weird fiction through 1968 / Compiled by Donald H. Tuck ; v. 2.-- Advent Publishers; 1978.</t>
  </si>
  <si>
    <t>809.387/Tu2/2</t>
  </si>
  <si>
    <t>Encyclopédie de l'utopie des voyages extraordinaires et de la science fiction / par Pierre Versins.-- L'Age d'Homme; 1972.</t>
  </si>
  <si>
    <t>809.387/V63</t>
  </si>
  <si>
    <t>Twentieth-century crime and mystery writers / editor John M. Reilly.-- Macmillan; 1980.-- (Twentieth-century writers of the English language).</t>
  </si>
  <si>
    <t>Welcome to Twin Peaks : an access guide to the town / Richard Saul Wurman, David Lynch and Mark Frost.-- Penguin; 1991.</t>
  </si>
  <si>
    <t>791.45/W97</t>
  </si>
  <si>
    <t>Bowling / Lou Bellisimo, Larry Neal.-- Prentice-Hall; c1971.-- (Prentice-Hall sport series).</t>
  </si>
  <si>
    <t>By us! / society by crime writers in Stockholm ; translation by Claudia Brännback.-- Härnösands Boktryckeri AB; 1981.</t>
  </si>
  <si>
    <t>018/C92</t>
  </si>
  <si>
    <t>เชอร์ล๊อกโฮลมส์ ชุดการผจญภัย = The adventures of sherlock holmes / ดอยส์, เซอร์อาร์เธอร์ โคแนน, ค.ศ. 1859-1930, อ.สายสุวรรณ,.-- ดอกหญ้า; 2535 [1992].</t>
  </si>
  <si>
    <t>Nobel crimes / selected and introduced by Marie Smith.-- Carroll &amp; Graf Publishers; c1992.</t>
  </si>
  <si>
    <t>808.83/Sm5</t>
  </si>
  <si>
    <t>An autobiography / Agatha Christie.-- Dodd, Mead &amp; Co.; c1977.</t>
  </si>
  <si>
    <t>823.91/C58/c</t>
  </si>
  <si>
    <t>The life and crimes of Agatha Christie / Charles Osborne.-- Collins; 1982.</t>
  </si>
  <si>
    <t>Agatha Christie cover story / by Tom Adams ; commentary by Julian Symons ; Introduction by John Fowles.-- Dragon's World Ltd ; 1981.</t>
  </si>
  <si>
    <t>823.91/C58/a</t>
  </si>
  <si>
    <t>The Bedside, bathtub &amp; armchair companion to Agatha Christie / edited by Dick Riley and Pam McAllister ; introduction by Julian Symons ; pbk..-- Ungar; c1979.</t>
  </si>
  <si>
    <t>Agatha Christie : a biography / Janet Morgan ; pbk..-- 1st Perennial Library ed.-- Perennial Library; 1986, c1984.</t>
  </si>
  <si>
    <t>Agatha Christie's Poirot : the life and times of Hercule Poirot / Anne Hart.-- Pavilion; 1990.</t>
  </si>
  <si>
    <t>Eric Ambler / Peter Lewis.-- Continuum; 1990.-- (Literature and life ; Mystery writers).</t>
  </si>
  <si>
    <t>823.91/A43/l</t>
  </si>
  <si>
    <t>The case of the philosophers' ring by Dr. John H. Watson / unearthed by Randall Collins.-- Crown Publishers; c1978.</t>
  </si>
  <si>
    <t>Wilkie Collins : a critical and biographical study / Dorothy L. Sayers ; edited from the manuscript, Humanities Research Center, Austin, Texas, by E. R. Gregory.-- The Friends of the University of Toledo Libraries; 1977.</t>
  </si>
  <si>
    <t>823.8/C84/s</t>
  </si>
  <si>
    <t>The annotated Innocence of Father Brown : The innocence of Father Brown / by G.K. Chesterton ; with introduction and notes by Martin Gardner.-- Oxford University Press; 1987.</t>
  </si>
  <si>
    <t>Raymond Chandler and film / William Luhr ; pbk..-- F.Ungar; c1982.-- (Ungar film library).</t>
  </si>
  <si>
    <t>The spy story / John G. Cawelti, Bruce A. Rosenberg.-- University of Chicago Press; 1987.</t>
  </si>
  <si>
    <t>823.0872/C27</t>
  </si>
  <si>
    <t>The Sherlock Holmes scrapbook : fifty years of occasional articles, newspaper cuttings, letters, memoirs, anecdotes, pictures, photographs and drawings relating to the great detective / edited by Peter Haining ; editorial consultant G. Ken Chapman ; foreword by Peter Cushing.-- Clarkson N. Potter; [1975], c1974.</t>
  </si>
  <si>
    <t>The world bibliography of Sherlock Holmes and Dr. Watson : a classified and annotated list of materials relating to their lives and adventures / Ronald Buvt DeWaal.-- Bramhall House; c1974..</t>
  </si>
  <si>
    <t>Who's who in Sherlock Holmes / by Scott R. Bullard and Michael Leo Collins ; pbk..-- Taplinger Publishing Co.; c1980.</t>
  </si>
  <si>
    <t>Dining with Sherlock Holmes : a Baker Street cookbook / by Julia Carlson Rosenblatt and Frederic H. Sonnenschmidt.-- Bobbs-Merrill; c1976.</t>
  </si>
  <si>
    <t>641.59/R72</t>
  </si>
  <si>
    <t>The Sherlock Holmes companion / Michael and Mollie Hardwick.-- Bramhall House; c1962.</t>
  </si>
  <si>
    <t>The complete adventures and memoirs of Sherlock Holmes : a facsimile of the original Strand magazine stories, 1891-1893 / by Arthur Conan Doyle ; with all the original ill. by Sidney Paget.-- Bramhall House; c1975.</t>
  </si>
  <si>
    <t>The complete guide to Sherlock Holmes / Michael Hardwick.-- St. Martin's Press; [1992], c1986.</t>
  </si>
  <si>
    <t>The adventures of Conan Doyle : the life of the creator of Sherlock Holmes / by Charles Higham.-- W. W. Norton; c1976.</t>
  </si>
  <si>
    <t>The Sherlock Holmes encyclopedia / by Orlando Park.-- Citadel Press; 1981, c1962.</t>
  </si>
  <si>
    <t>The Dime novel detective / edited by Gary Hoppenstand ; pbk..-- Bowling Green University Popular Press; c1982.</t>
  </si>
  <si>
    <t>813.0872/H86</t>
  </si>
  <si>
    <t>Old Sleuth's freaky female detectives : (from the dime novels) / Garyn G. Roberts, Gary Hoppenstand, and Ray B. Browne ; pb..-- Bowling Green State University Popular Press; c1990.</t>
  </si>
  <si>
    <t>813.0872/R52</t>
  </si>
  <si>
    <t>Arthur Conan Doyle / Don Richard Cox.-- F. Ungar Pub. Co.; c1985..-- (Literature and life series).</t>
  </si>
  <si>
    <t>Conan Doyle : portrait of an artist / by Julian Symons.-- G. Whizzard; 1979.</t>
  </si>
  <si>
    <t>The Quest for Sir Arthur Conan Doyle : thirteen biographers in search of a life / edited by Jon L. Lellenberg ; with a foreword by Jean Conan Doyle.-- Southern Illinois University Press; c1987.</t>
  </si>
  <si>
    <t>823.91/D89/l</t>
  </si>
  <si>
    <t>The encyclopaedia Sherlockiana : or, A universal dictionary of the state of knowledge of Sherlock Holmes and his biographer John H. Watson M.D. / compiled and edited by Jack Tracy.-- Doubleday; c1977.</t>
  </si>
  <si>
    <t>823.91/D89/t</t>
  </si>
  <si>
    <t>Japan and Sherlock Holmes / edited [and translated] by Yuichi Hirayama, Masamichi Higurashi, and Hirotaka Ueda.-- Baker Street Irregulars; 2004.-- (The Baker Street Irregulars international series. ISSN:1542-6920).</t>
  </si>
  <si>
    <t>From Bow Street to Baker Street : mystery, detection and narrative / Martin A. Kayman.-- Macmillan; 1992.</t>
  </si>
  <si>
    <t>823.0872/Ka98</t>
  </si>
  <si>
    <t>Chemistry and crime : from Sherlock Holmes to today's courtroom / Samuel M. Gerber, editor ; : pbk.-- American Chemical Society; 1983.</t>
  </si>
  <si>
    <t>Dick Francis / by J. Madison Davis.-- Twayne Publishers; c1989.-- (Twayne's English authors series ;  TEAS 464).</t>
  </si>
  <si>
    <t>823.91/F43/d</t>
  </si>
  <si>
    <t>Autopsy : the memoirs of Milton Helpern, the world's greatest medical detective / by Milton Helpern, with Bernard Knight.-- St. Martin's Press; c1977.</t>
  </si>
  <si>
    <t>614.1/H51</t>
  </si>
  <si>
    <t>Myself and Michael Innes : a memoir / by J.I.M. Stewart.-- V. Gollancz; 1987.</t>
  </si>
  <si>
    <t>823.91/I54/s</t>
  </si>
  <si>
    <t>The strange case of Alfred Hitchcock : or, The plain man's Hitchcock / Raymond Durgnat.-- MIT Press; 1974.</t>
  </si>
  <si>
    <t>791.43/H77/d</t>
  </si>
  <si>
    <t>Neon noir : contemporary American crime fiction / Woody Haut.-- Serpent's Tail; 1999.</t>
  </si>
  <si>
    <t>John le Carré / edited and with an introduction by Harold Bloom ; : alk. paper.-- Chelsea House; 1987.-- (Modern critical views).</t>
  </si>
  <si>
    <t>823.91/L46/b</t>
  </si>
  <si>
    <t>John le Carré / Eric Homberger ; : pbk.-- Methuen; 1986.-- (Contemporary writers / general editors, Malcolm Bradbury and Christopher Bigsby).</t>
  </si>
  <si>
    <t>823.91/L46/h</t>
  </si>
  <si>
    <t>Corridors of deceit : the world of John le Carré / Peter Wolfe ; : pbk.-- Bowling Green State University Popular Press; c1987.</t>
  </si>
  <si>
    <t>823.91/L46/w</t>
  </si>
  <si>
    <t>Understanding John Le Carré / John L. Cobbs.-- University of South Carolina Press; c1998.-- (Understanding contemporary British literature).</t>
  </si>
  <si>
    <t>823.91/L46/c</t>
  </si>
  <si>
    <t>H.P. Lovecraft / by Peter Cannon.-- Twayne Publishers; c1989.-- (Twayne's United States authors series ;  TUSAS 549).</t>
  </si>
  <si>
    <t>John D. MacDonald / by Edgar W. Hirshberg.-- Twayne Publishers; c1985.-- (Twayne's United States authors series ;  TUSAS 486).</t>
  </si>
  <si>
    <t>813.5/Ma14/h</t>
  </si>
  <si>
    <t>Sleeping beauty / Ross MacDonald.-- Knopf; 1973.</t>
  </si>
  <si>
    <t>The extraordinary Mr. Poe : a biography of Edgar Allan Poe / by Wolf Mankowitz.-- Summit Books; c1978.</t>
  </si>
  <si>
    <t>813.3/P76/m</t>
  </si>
  <si>
    <t>Allan Pinkerton : the first private eye / James Mackay.-- J. Wiley &amp; Sons; 1997.</t>
  </si>
  <si>
    <t>363.2/P66/m</t>
  </si>
  <si>
    <t>The mystery of Georges Simenon : a biography / Fenton Bresler ; : pbk.-- Stein and Day; [1985], c1983.</t>
  </si>
  <si>
    <t>Jim Thompson : sleep with the devil / Michael J. McCauley.-- Mysterious Press; c1991.</t>
  </si>
  <si>
    <t>813.5/Th6/m</t>
  </si>
  <si>
    <t>The H. G. Wells scrapbook : articles, essays, letters, anecdotes, illustrations, photographs, and memorabilia about the prophetic genius of the twentieth century / edited by Peter Haining ; foreword by Jack Williamson.-- New English Library; 1978.</t>
  </si>
  <si>
    <t>823.91/W57/h</t>
  </si>
  <si>
    <t>Michael Innes / George L. Scheper ; : pbk.-- Ungar; 1986.-- (Recognitions).</t>
  </si>
  <si>
    <t>Sisters in crime : feminism and the crime novel / Maureen T. Reddy.-- Continuum; 1988.-- (A Frederick Ungar book).</t>
  </si>
  <si>
    <t>809.387/R22</t>
  </si>
  <si>
    <t>Simenon, a critical biography / by Stanley G. Eskin.-- McFarland; c1987.</t>
  </si>
  <si>
    <t>843.91/Si5/e</t>
  </si>
  <si>
    <t>Letter to my mother / Georges Simenon ; translated by Ralph Manheim.-- Harcourt Brace Jovanovich; c1976.</t>
  </si>
  <si>
    <t>The man who wasn't Maigret : a portrait of Georges Simenon / Patrick Marnham.-- Bloomsbury; 1992.</t>
  </si>
  <si>
    <t>843.91/Si5/m</t>
  </si>
  <si>
    <t>Simenon : biographie / Pierre Assouline.-- Édition revue et augmentée.-- Gallimard; c1996.-- (Collection Folio ; 2797).</t>
  </si>
  <si>
    <t>843.91/Si5/a</t>
  </si>
  <si>
    <t>Panorama du roman d'espionnage contemporain / Jean-Paul Schweighaeuser.-- Instant; 1986.</t>
  </si>
  <si>
    <t>809.387/Sc8</t>
  </si>
  <si>
    <t>Snobbery with violence : English crime stories and their audience / Colin Watson ; pbk..-- Methuen; 1987.-- (A Metheun paperback).</t>
  </si>
  <si>
    <t>One lonely knight : Mickey Spillane's Mike Hammer / Max Allan Collins &amp; James L. Traylor ; : pbk.-- Bowling Green State University Popular Press; c1984.</t>
  </si>
  <si>
    <t>813.5/Sp5/c</t>
  </si>
  <si>
    <t>Private eyes : one hundred and one knights : a survey of American detective fiction, 1922-1984 / Robert A. Baker &amp; Michael T. Nietzel ; pbk..-- Bowling Green State University Popular Press; c1985.</t>
  </si>
  <si>
    <t>Comic crime / Earl F. Bargainnier, editor ; pbk..-- Bowling Green State University Popular Press; c1987.</t>
  </si>
  <si>
    <t>809.387/B21</t>
  </si>
  <si>
    <t>The special branch : the British spy novel, 1890-1980 / LeRoy L. Panek ; pbk..-- Bowling Green University Popular Press; c1981.</t>
  </si>
  <si>
    <t>823.087/P21</t>
  </si>
  <si>
    <t>An introduction to the detective story / LeRoy Lad Panek ; pbk..-- Bowling Green State University Popular Press; c1987.</t>
  </si>
  <si>
    <t>809.387/P21</t>
  </si>
  <si>
    <t>Melville Davisson Post: man of many mysteries / [by] Charles A. Norton ; pbk..-- Bowling Green University Popular Press; c1973.</t>
  </si>
  <si>
    <t>813.5/P84/n</t>
  </si>
  <si>
    <t>Two guns from Harlem : the detective fiction of Chester Himes / Robert E. Skinner ; : pbk.-- Bowling Green State University Popular Press; c1989.</t>
  </si>
  <si>
    <t>813.5/H59/s</t>
  </si>
  <si>
    <t>813.087/Sa58/5</t>
  </si>
  <si>
    <t>813.087/Sa58/4</t>
  </si>
  <si>
    <t>Heroes and humanities : detective fiction and culture / Ray B. Browne ; : pbk.-- Bowling Green State University Popular Press; c1986.</t>
  </si>
  <si>
    <t>813.0872/B77</t>
  </si>
  <si>
    <t>The six-gun mystique / John Cawelti ; : pbk.-- 2nd ed.-- Bowling Green State University Popular Press; c1984.</t>
  </si>
  <si>
    <t>813.0872/C27</t>
  </si>
  <si>
    <t>The police procedural / George N. Dove ; : pbk.-- Bowling Green University Popular Press; c1982.</t>
  </si>
  <si>
    <t>809.387/D89</t>
  </si>
  <si>
    <t>The gentle art of murder : the detective fiction of Agatha Christie / Earl F. Bargainnier ; : pbk..-- Bowling Green University Popular Press; c1980.</t>
  </si>
  <si>
    <t>Twelve Englishmen of mystery / edited by Earl F. Bargainnier ; : pbk.-- Bowling Green University Popular Press; c1984.</t>
  </si>
  <si>
    <t>A Cent a story! : the best from Ten detective aces / [edited by] Garyn G. Roberts ; : pbk.-- Bowling Green State University Popular Press; c1986.</t>
  </si>
  <si>
    <t>Deadly excitements : shadows and phantoms / Robert D. Sampson ; pbk..-- Bowling Green State University Popular Press; c1989.</t>
  </si>
  <si>
    <t>813.087/Sa58</t>
  </si>
  <si>
    <t>Campion's career : a study of the novels of Margery Allingham / B.A. Pike ; : pbk.-- Bowling Green State University Popular Press; c1987.</t>
  </si>
  <si>
    <t>823.91/A41/p</t>
  </si>
  <si>
    <t>Popular fiction and social change / edited by Christopher Pawling ; pbk.-- Macmillan; 1984.</t>
  </si>
  <si>
    <t>823.009/P28</t>
  </si>
  <si>
    <t>Twentieth-century suspense : the thriller comes of age / edited by Clive Bloom ; pbk.-- Macmillan; 1990.-- (Insights).</t>
  </si>
  <si>
    <t>823.0872/B58</t>
  </si>
  <si>
    <t>Nineteenth-century suspense : from Poe to Conan Doyle / edited by Clive Bloom ... [et al.] ; pbk.-- Macmillan; 1988.-- (Insights).</t>
  </si>
  <si>
    <t>American crime fiction : studies in the genre / edited by Brian Docherty ; pbk.-- Macmillan; 1988.-- (Insights).</t>
  </si>
  <si>
    <t>813.0872/D81</t>
  </si>
  <si>
    <t>Watching the detectives : essays on crime fiction / edited by Ian A. Bell and Graham Daldry.-- Macmillan; 1990.</t>
  </si>
  <si>
    <t>823.0872/B33</t>
  </si>
  <si>
    <t>Western and hard-boiled detective fiction in America : from high noon to midnight / Cynthia S. Hamilton.-- Macmillan; 1987.</t>
  </si>
  <si>
    <t>813.0872/H26</t>
  </si>
  <si>
    <t>Secret agents in fiction : Ian Fleming, John le Carré and Len Deighton / Lars Ole Sauerberg.-- Macmillan; 1984.-- (Macmillan studies in twentieth-century literature).</t>
  </si>
  <si>
    <t>The lady investigates : women detectives and spies in fiction / Patricia Craig and Mary Cadogan.-- Oxford University Press; 1986, c1981.</t>
  </si>
  <si>
    <t>823.0872/C91</t>
  </si>
  <si>
    <t>The life and times of Hercule Poirot / Anne Hart.-- Putnam; c1990.</t>
  </si>
  <si>
    <t>Crimes of the scene : a mystery novel guide for the international traveler / Nina King with Robin Winks and other contributers.-- St. Martin's Press; c1997.-- (A Thomas Dunne book).</t>
  </si>
  <si>
    <t>809.387/Ki43</t>
  </si>
  <si>
    <t>Crime &amp; mystery : the 100 best books / H.R.F. Keating.-- Carroll &amp; Graf; 1987.</t>
  </si>
  <si>
    <t>809.387/Ke13</t>
  </si>
  <si>
    <t>The whole spy catalogue : an espionage lover's guide / Richard L. Knudson ; pbk..-- St. Martin's Press; c1986.</t>
  </si>
  <si>
    <t>327.12/Kn7</t>
  </si>
  <si>
    <t>Tough guy writers of the thirties / edited by David Madden ; with a preface by Harry T. Moore.-- Southern Illinois University Press.</t>
  </si>
  <si>
    <t>Ink in her blood : the life and crime fiction of Margery Allingham / by Richard Martin.-- UMI Research Press; c1988.-- (Challenging the literary canon).</t>
  </si>
  <si>
    <t>823.91/A41/m</t>
  </si>
  <si>
    <t>Bloomsbury Good reading guide to murder, crime fiction and thrillers / Kenneth and Valerie McLeish ; pbk.-- Bloomsbury; 1990.</t>
  </si>
  <si>
    <t>823.0872/Ma21</t>
  </si>
  <si>
    <t>The adventures of Cardigan : a Dime detective book / Frederick Nebel.-- Mysterious Press; c1988.-- (Mysterious library).</t>
  </si>
  <si>
    <t>813.5/N61</t>
  </si>
  <si>
    <t>Smiley's circus : a guide to the secret world of John LeCarré / David Monaghan.-- St. Martin's Press; 1986.-- (A Thomas Dunne book).</t>
  </si>
  <si>
    <t>The Poetics of murder : detective fiction and literary theory / edited with an introduction by Glenn W. Most, and William W. Stowe ; pbk..-- Harcourt Brace Jovanovich; c1983.</t>
  </si>
  <si>
    <t>Mysterium and mystery : the clerical crime novel / William David Spencer ; pbk..-- Southern Illinois University Press; c1992.</t>
  </si>
  <si>
    <t>809.387/Sp4</t>
  </si>
  <si>
    <t>Gun in cheek : a study of "alternative" crime fiction / Bill Pronzini.-- Mysterious Press; 1987, c1982.</t>
  </si>
  <si>
    <t>Science fiction : history, science, vision / Robert Scholes, Eric S. Rabkin.-- Oxford University Press; 1977.</t>
  </si>
  <si>
    <t>809.387/Sc6</t>
  </si>
  <si>
    <t>The puritan pleasures of the detective story : a personal monograph / Erik Routley.-- Gollancz; 1972.</t>
  </si>
  <si>
    <t>823.0872/R76</t>
  </si>
  <si>
    <t>Crime writers : reflections on crime fiction / by Reginald Hill ... [et al.] ; edited by H.R.F. Keating ; additional material by Mike Pavett.-- British Broadcasting Corporation; 1978.</t>
  </si>
  <si>
    <t>Victorian masters of mystery : from Wilkie Collins to Conan Doyle / Audrey Peterson ; pbk..-- Ungar; c1984.</t>
  </si>
  <si>
    <t>823.0872/P45</t>
  </si>
  <si>
    <t>The Edogawa Rampo reader / edited and translated by Seth Jacobowitz ; with a preface by Tatsumi Takayuki.-- Kurodahan Press; 2008.</t>
  </si>
  <si>
    <t>895.63/E24</t>
  </si>
  <si>
    <t>Murder most modern : detective fiction and Japanese culture / Sari Kawana.-- University of Minnesota Press; c2008.</t>
  </si>
  <si>
    <t>895.63/Ka96</t>
  </si>
  <si>
    <t>The New black mask quarterly / edited by Matthew J. Bruccoli &amp; Richard Layman ; Number 2.-- Harcourt Brace Jovanovich; 1985.-- (A Harvest/HBJ book.).</t>
  </si>
  <si>
    <t>813.0872/B78/2</t>
  </si>
  <si>
    <t>The New black mask / edited by Matthew J. Bruccoli &amp; Richard Layman ; Number 3.-- Harcourt Brace Jovanovich; 1985.-- (A Harvest/HBJ book.).</t>
  </si>
  <si>
    <t>813.0872/B78/3</t>
  </si>
  <si>
    <t>Over my dead body : the sensational age of the American paperpack, 1945-1955 / Lee Server ; : pbk.-- Chronicle Books; c1994.</t>
  </si>
  <si>
    <t>070.5/Se86</t>
  </si>
  <si>
    <t>The social novel at the end of an era / by Warren French ; with a preface by Harry T. Moore.-- Southern Illinois University Press; c1966.-- (Crosscurrents : modern critiques / Harry T. Moore, general editor).</t>
  </si>
  <si>
    <t>Here lies : an autobiography / Eric Ambler.-- Mysterious Press; c1985.</t>
  </si>
  <si>
    <t>Cover stories : narrative and ideology in the British spy thriller / Michael Denning.-- Routledge &amp; K. Paul; 1987.-- (Popular fiction series).</t>
  </si>
  <si>
    <t>823.0872/D59</t>
  </si>
  <si>
    <t>The Pleasures of murder / edited by Jonathan Goodman.-- Sphere Books; c1983.</t>
  </si>
  <si>
    <t>364.1/G55</t>
  </si>
  <si>
    <t>Roots of detection : the art of deduction before Sherlock Holmes / edited by Bruce Cassiday ; : pbk.-- Ungar; c1983.-- (Recognitions).</t>
  </si>
  <si>
    <t>808.83/C25</t>
  </si>
  <si>
    <t>The mystery reader's quiz book / Aneta Corsaut, Muff Singer, Robert Wagner ; : pbk.-- M. Evans; c1981.</t>
  </si>
  <si>
    <t>809.387/C88</t>
  </si>
  <si>
    <t>Pulptime : being a singular adventure of Sherlock Holmes, H.P. Lovecraft, and the Kalem Club, as if narrated by Frank Belknap Long, Jr. / P.H Cannon ; illustrated by Fabian ; : pbk.-- Weirdbook Press; c1984.</t>
  </si>
  <si>
    <t>The writer's complete crime reference book / Martin Roth.-- Writer' s Digest Books; c1993.</t>
  </si>
  <si>
    <t>364/R74</t>
  </si>
  <si>
    <t>Deadly doses : a writer's guide to poisons / by Serita Deborah Stevens with Anne Klarner.-- Writer's Digest Books; c1990.-- (The Howdunit series).</t>
  </si>
  <si>
    <t>615.9/St5</t>
  </si>
  <si>
    <t>Cause of death : a writer's guide to death, murder, and forensic medicine / by Keith D. Wilson.-- Writer's Digest Books; c1992.-- (The Howdunit series).</t>
  </si>
  <si>
    <t>614.1/W75</t>
  </si>
  <si>
    <t>Private eyes : a writer's guide to private investigating / by Hal Blythe, Charlie Sweet, John Landreth ; : pbk.-- Writer's Digest Books; c1993.-- (The Howdunit series).</t>
  </si>
  <si>
    <t>809.387/B59</t>
  </si>
  <si>
    <t>Writing the modern mystery / Barbara Norville.-- Writer's Digest Books; c1986.</t>
  </si>
  <si>
    <t>809.387/N96</t>
  </si>
  <si>
    <t>Writing &amp; selling science fiction / by Science Fiction Writers of America.-- Writer's Digest; c1976.</t>
  </si>
  <si>
    <t>809.387/Sc9</t>
  </si>
  <si>
    <t>Hillary Waugh's guide to mysteries &amp; mystery writing.-- Writer's Digest Books; c1991.</t>
  </si>
  <si>
    <t>809.387/W49</t>
  </si>
  <si>
    <t>Nero Wolfe of West Thirty-fifth Street : the life and times of America's largest private detective / by William S. Baring-Gould.-- Viking Press; 1969.</t>
  </si>
  <si>
    <t>813.5/St7/b</t>
  </si>
  <si>
    <t>'Murder will out' : the detective in fiction / T.J. Binyon.-- Oxford University Press; 1989.</t>
  </si>
  <si>
    <t>813.0872/B44</t>
  </si>
  <si>
    <t>The durable desperadoes / William Vivian Butler ; preface by Anthony Lejeune.-- Macmillan; 1973.</t>
  </si>
  <si>
    <t>823.0872/B96</t>
  </si>
  <si>
    <t>Designs of darkness : interviews with detective novelists / Diana Cooper-Clark ; : pbk.-- Bowling Green State University Popular Press; c1983.</t>
  </si>
  <si>
    <t>823.0872/C87</t>
  </si>
  <si>
    <t>Out of the woodpile : black characters in crime and detective fiction / Frankie Y. Bailey.-- Greewood Press; 1991.-- (Contributions to the study of popular culture ;  no. 27).</t>
  </si>
  <si>
    <t>813.0872/B14</t>
  </si>
  <si>
    <t>The British spy novel : styles in treachery / John Atkins.-- J. Calder; 1984.</t>
  </si>
  <si>
    <t>823.0872/A94</t>
  </si>
  <si>
    <t>Detective fiction: crime and compromise / Edited by Dick Allen and David Chacko ; : pbk.-- Harcourt Brace Jovanovich; 1974.</t>
  </si>
  <si>
    <t>823.0872/A41</t>
  </si>
  <si>
    <t>The bedside companion to crime / H. R. F. Keating.-- O'Mara; c1989.</t>
  </si>
  <si>
    <t>Paperbacks, U.S.A. : a graphic history, 1939-1959 / Piet Schreuders ; translated from the Dutch by Josh Pachter ; : pbk.-- Blue Dolphin Enterprises : Distributed by Pacific Comics Distributors; 1981.</t>
  </si>
  <si>
    <t>070.5/Sc7</t>
  </si>
  <si>
    <t>Modern crime and suspense writers / edited and with an introduction by Harold Bloom ; : hbk, : pbk.-- Chelsea House; c1995.-- (Writers of English).</t>
  </si>
  <si>
    <t>813.0872/B58</t>
  </si>
  <si>
    <t>The woman detective : gender &amp; genre / Kathleen Gregory Klein.-- University of Illinois Press; c1988.</t>
  </si>
  <si>
    <t>823.0872/Kl4</t>
  </si>
  <si>
    <t>The Spy's bedside book : an anthology / edited by Graham Greene and Hugh Greene ; : pbk.-- Granada; 1984, c1957.</t>
  </si>
  <si>
    <t>327.12/G82</t>
  </si>
  <si>
    <t>Turning points : essays on the art of science fiction / edited by Damon Knight.-- Harper &amp; Row; c1977.</t>
  </si>
  <si>
    <t>809.387/Kn3</t>
  </si>
  <si>
    <t>Murder guide to London / Martin Fido.-- Weidenfeld &amp; Nicolson; c1986.</t>
  </si>
  <si>
    <t>364.152/F24</t>
  </si>
  <si>
    <t>A catalogue of crime / Jacques Barzun and Wendell Hertig Taylor.-- Rev. and enl. ed.-- Harper &amp; Row; c1989.</t>
  </si>
  <si>
    <t>Silk stalkings : more women write of murder / Victoria Nichols &amp; Susan Thompson.-- Scarecrow Press; 1998.</t>
  </si>
  <si>
    <t>823.0872/N71</t>
  </si>
  <si>
    <t>Encyclopedia misteriosa : acomprehensive guide to the art of detection in print, film, radio, and television / William L. DeAndrea.-- Prentice Hall General Refarence; 1997, c1994.</t>
  </si>
  <si>
    <t>809.387/D51</t>
  </si>
  <si>
    <t>The Oxford companion to crime and mystery writing / editor in chief, Rosemary Herbert ; editors, Catherine Aird, John M. Reilly ; consulting editor, Susan Oleksiw.-- Oxford University Press; 1999.</t>
  </si>
  <si>
    <t>809.387/H53</t>
  </si>
  <si>
    <t>By a woman's hand : a guide to mystery fiction by women / Jean Swanson and Dean James ; : pbk.-- Berkley Books; 1994.</t>
  </si>
  <si>
    <t>809.387/Sw2</t>
  </si>
  <si>
    <t>Detective fiction : the collector's guide / John Cooper and B.A. Pike.-- Barn Owl; 1988.</t>
  </si>
  <si>
    <t>Jack the Ripper : the bloody truth / Melvin Harris.-- Columbus Books; 1987.</t>
  </si>
  <si>
    <t>364.15/H33</t>
  </si>
  <si>
    <t>The pulp jungle / by Frank Gruber.-- Sherbourne Press; [1967].</t>
  </si>
  <si>
    <t>813.087/G89</t>
  </si>
  <si>
    <t>California writers : Jack London, John Steinbeck, the tough guys / Stoddard Martin ; : pbk.-- St. Martin's Press; 1983.</t>
  </si>
  <si>
    <t>813.087/Ma53</t>
  </si>
  <si>
    <t>Murder in Japan : Japanese stories of crime and detection / edited by John L. Apostolou and Martin H. Greenberg.-- Dembner Books : Distributed by Norton; c1987.</t>
  </si>
  <si>
    <t>895.6/A59</t>
  </si>
  <si>
    <t>The Armchair detective book of lists / edited by Kate Stine.-- Rev. 2nd ed.-- O. Penzler Books; c1995.</t>
  </si>
  <si>
    <t>823.0872/St6</t>
  </si>
  <si>
    <t>Literary agents : the novelist as spy / Anthony Masters.-- B. Blackwell; 1987.</t>
  </si>
  <si>
    <t>823.0872/Ma65</t>
  </si>
  <si>
    <t>The crimes, detection and death of Jack the Ripper / Martin Fido.-- Weidenfeld and Nicolson; c1987.</t>
  </si>
  <si>
    <t>364.15/F24</t>
  </si>
  <si>
    <t>Suspense in the formula story / George N. Dove ; : pbk.-- Bowling Green State University Popular Press; c1989.</t>
  </si>
  <si>
    <t>813.0872/D89</t>
  </si>
  <si>
    <t>The art of the mystery story : a collection of critical essays / edited and with a commentary by Howard Haycraft.-- Grosset &amp; Dunlap; 1947, c1946.</t>
  </si>
  <si>
    <t>808.83/H49</t>
  </si>
  <si>
    <t>The Great detectives / edited by Otto Penzler.-- Little, Brown; c1978.</t>
  </si>
  <si>
    <t>813.0872/P38</t>
  </si>
  <si>
    <t>Who's who in science fiction / Brian Ash.-- Elm Tree Books; c1976.</t>
  </si>
  <si>
    <t>By a woman's hand : a guide to mystery fiction by women / Jean Swanson and Dean James.-- 2nd ed.-- Berkley Prime Crime; 1996.</t>
  </si>
  <si>
    <t>813.087/A92/2</t>
  </si>
  <si>
    <t>Histoires epouvantables : le vrai rouletabille / Gaston Leroux.-- Nouvelles Editions Baudiènire; c1997.</t>
  </si>
  <si>
    <t>The dangerous edge / Gavin Lambert.-- Grossman Publishers; 1976, c1975.</t>
  </si>
  <si>
    <t>823.0872/L16</t>
  </si>
  <si>
    <t>The Hatchard's Crime Companion : 100 top Crime novels / Selected by the Crime Writers' Association ; edited by Susan Moody.-- Hatchard; 1990.</t>
  </si>
  <si>
    <t>823.0872/Mo39</t>
  </si>
  <si>
    <t>Classic crime and suspense writers / edited and with an introduction by Harold Bloom ; : hbk, : pbk.-- Chelsea House; c1995.-- (Writers of English : lives and works).</t>
  </si>
  <si>
    <t>Many futures, many worlds : theme and form in science fiction / edited by Thomas D. Clareson.-- Kent State University Press; c1977.</t>
  </si>
  <si>
    <t>809.387/C76</t>
  </si>
  <si>
    <t>Crime movies : from Griffith to the Godfather and beyond / Carlos Clarens.-- Secker and Warburg; 1980.</t>
  </si>
  <si>
    <t>Savage art : a biography of Jim Thompson / Robert Polito.-- Knopf : Distributed by Random House; c1995.</t>
  </si>
  <si>
    <t>813.5/Th6/p</t>
  </si>
  <si>
    <t>Locked room murders and other impossible crimes : a comprehensive bibliography / by Robert Adey.-- Crossover Press; c1991.</t>
  </si>
  <si>
    <t>364.1/A16</t>
  </si>
  <si>
    <t>Mystery reader's walking guide, Washington, D.C. / Alzina Stone Dale ; maps by John Babcock.-- Passport Books; c1998.</t>
  </si>
  <si>
    <t>813.0872/D32</t>
  </si>
  <si>
    <t>Mystery reader's walking guide, New York / Alzina Stone Dale ; interior maps by Kenneth Herrick Dale.-- Passport Books; c2002.</t>
  </si>
  <si>
    <t>917.3/D32</t>
  </si>
  <si>
    <t>Mystery and crime : the New York Public Library book of answers : intriguing and entertaining questions and answers about the who's who and what's what of whodunits / by Jay Pearsall.-- Simon &amp; Schuster; c1995.</t>
  </si>
  <si>
    <t>809.387/P31</t>
  </si>
  <si>
    <t>100 great detectives, or, The detective directory / edited, with an introduction and notes by Maxim Jakubowsky.-- Carroll &amp; Graf Publishers; 1991.</t>
  </si>
  <si>
    <t>British mystery writers, 1920-1939 / edited by Bernard Benstock and Thomas F. Staley.-- Gale Research; c1989.-- (Dictionary of literary biography ; v. 77).</t>
  </si>
  <si>
    <t>823.0872/B35</t>
  </si>
  <si>
    <t>British mystery and thriller writers since 1940, first series / edited by Bernard Benstock and Thomas F. Staley.-- Gale Research; c1989.-- (Dictionary of literary biography ; v. 87).</t>
  </si>
  <si>
    <t>The girl in the hairy paw : King Kong as myth, movie, and monster / edited by Ronald Gottesman and Harry Geduld ; foreword by Rudy Behlmer.-- Avon Books; 1976.-- (An Avon Flare book).</t>
  </si>
  <si>
    <t>791.43/G72</t>
  </si>
  <si>
    <t>Thriller movies : classic films of suspense and mystery / Lawrence Hammond.-- Octopus Books; 1974.-- (The movie treasury).</t>
  </si>
  <si>
    <t>791.43/H26</t>
  </si>
  <si>
    <t>Secret origins of the super DC heroes / text edited by Dennis O'Neil ; introd. by Carmine Infantino.-- Harmony Books; c1976.</t>
  </si>
  <si>
    <t>741.5/O11</t>
  </si>
  <si>
    <t>The great spy films / by Leonard Rubenstein.-- Citadel Press; c1979.</t>
  </si>
  <si>
    <t>791.43/R81</t>
  </si>
  <si>
    <t>Sleuths, sidekicks and stooges : an annotated bibliography of detectives, their assistants and their rivals in crime, mystery and adventure fiction, 1795-1995 / Joseph Green and Jim Finch.-- Scolar Press; c1997.</t>
  </si>
  <si>
    <t>809.387/G82</t>
  </si>
  <si>
    <t>One hundred years of science fiction illustration, 1840-1940 / [compiled by] Anthony Frewin.-- Pyramid Books; 1975, c1974.</t>
  </si>
  <si>
    <t>741.64/F46</t>
  </si>
  <si>
    <t>Crime fiction II : a comprehensive bibliography, 1749-1990 / Allen J. Hubin ; v. 1, v. 2.-- A completely rev. and updated ed.-- Garland Pub.; 1994.-- (Garland reference library of the humanities ;  vol. 1353).</t>
  </si>
  <si>
    <t>823.0872/H98/1</t>
  </si>
  <si>
    <t>823.0872/H98/2</t>
  </si>
  <si>
    <t>The art of mystery &amp; detective stories : the best illustrations from over a century of crime fiction / [compiled by] Peter Haining ; designed by Christopher Scott.-- Treasure; 1986, c1977.</t>
  </si>
  <si>
    <t>The making of King Kong : the story behind a film classic / Orville Goldner and George E. Turner.-- Ballantine Books; 1976.</t>
  </si>
  <si>
    <t>791.43/G61</t>
  </si>
  <si>
    <t>Playboy's illustrated history of organized crime / Richard Hammer.-- Playboy Press; [1975].</t>
  </si>
  <si>
    <t>364.1/H26</t>
  </si>
  <si>
    <t>Detecting women 2 : a reader's guide and checklist for mystery series written by women / Willetta L. Heising.-- 1996-97 ed.-- Purple Moon Press; c1996.</t>
  </si>
  <si>
    <t>809.387/H51</t>
  </si>
  <si>
    <t>Detecting men : a reader's guide and checklist for mystery series written by men / Willetta L. Heising.-- Purple Moon Press; c1998.</t>
  </si>
  <si>
    <t>Pages : the world of books, writers, and writing / Matthew J. Bruccoli, editorial director ; C. E. Frazer Clark, Jr., managing editor ; 1.-- Gale Research Co.; c1976.</t>
  </si>
  <si>
    <t>809.3/B78</t>
  </si>
  <si>
    <t>The detectives : crime and detection in fact and fiction / Frank Smyth and Myles Ludwig [with additional material by David Hardy] ; : pbk.-- Lippincott; 1978.</t>
  </si>
  <si>
    <t>364.9/Sm9</t>
  </si>
  <si>
    <t>The literature of crime and detection : an illustrated history from antiquity to the present / Waltraud Woeller and Bruce Cassiday ; English translation by Ruth Michaelis-Jena and Willy Merson.-- Ungar; 1988.-- (Ungar writers' recognitions series).</t>
  </si>
  <si>
    <t>809.387/W83</t>
  </si>
  <si>
    <t>Murderess ink : the better half of the mystery / perpetrated by Dilys Winn ; : pbk.-- Workman Pub.; c1979.</t>
  </si>
  <si>
    <t>The mystery book of days / William Malloy.-- Mysterious Press; c1990.</t>
  </si>
  <si>
    <t>809.387/Ma39</t>
  </si>
  <si>
    <t>The dime detectives / Ron Goulart.-- Mysterious Press; c1988.</t>
  </si>
  <si>
    <t>813.0872/G59</t>
  </si>
  <si>
    <t>The Sleuth and the scholar : origins, evolution, and current trends in detective fiction / edited by Barbara A. Rader and Howard G. Zettler.-- Greenwood Press; 1988.-- (Contributions to the study of popular culture ;  no. 19).</t>
  </si>
  <si>
    <t>813.0872/R11</t>
  </si>
  <si>
    <t>The Nero Wolfe cookbook / by Rex Stout and the editors of the Viking Press.-- Viking Press; c1973.</t>
  </si>
  <si>
    <t>641.5/St7</t>
  </si>
  <si>
    <t>The mystery lovers' book of quotations : a choice selection from murder mysteries, detective stories, suspense novels, spy thrillers, and crime fiction / compiled and arranged by Jane E. Horning.-- Mysterious Press; c1988.</t>
  </si>
  <si>
    <t>809.387/H89</t>
  </si>
  <si>
    <t>The new murderers' who's who / J. H. H. Gaute and Robin Odell ; forewords by Colin Wilson and Richard Whittington-Egan.-- 2nd ed., rev. and enl.-- Harrap; 1989.</t>
  </si>
  <si>
    <t>364.1/G27</t>
  </si>
  <si>
    <t>The Dracula centenary book / Peter Haining.-- Souvenir; 1987.</t>
  </si>
  <si>
    <t>Jack the Ripper : summing up and verdict / Colin Wilson &amp; Robin Odell ; edited by J.H.H. Gaute.-- Bantam; 1987.</t>
  </si>
  <si>
    <t>364.15/W75</t>
  </si>
  <si>
    <t>Secrets of the world's best-selling writer : the storytelling techniques of Erle Stanley Gardner / by Francis L. and Roberta B. Fugate.-- W. Morrow; 1980.</t>
  </si>
  <si>
    <t>813.5/G22/f</t>
  </si>
  <si>
    <t>Index to the Strand magazine, 1891-1950 / compiled by Geraldine Beare.-- Greenwood Press; 1982.</t>
  </si>
  <si>
    <t>052/St8</t>
  </si>
  <si>
    <t>Crime, detective, espionage, mystery, and thriller fiction and film : a comprehensive bibliography of critical writing through 1979 / compiled by David Skene Melvin and Ann Skene Melvin.-- Greenwood Press; 1980.</t>
  </si>
  <si>
    <t>809.387/Sk</t>
  </si>
  <si>
    <t>Great women mystery writers : classic to contemporary / edited by Kathleen Gregory Klein.-- Greenwood Press; 1994.</t>
  </si>
  <si>
    <t>809.387/K14</t>
  </si>
  <si>
    <t>Cornell Woolrich--first you dream, then you die / Francis M. Nevins, Jr.-- Mysterious Press; c1988.</t>
  </si>
  <si>
    <t>813.5/W87/n</t>
  </si>
  <si>
    <t>The encyclopedia of murder and mystery / Bruce F. Murphy.-- St. Martin's Minotaur; 1999.</t>
  </si>
  <si>
    <t>809.387/Mu78</t>
  </si>
  <si>
    <t>A reader's guide to the classic British mystery / Susan Oleksiw.-- G.K. Hall; c1988.</t>
  </si>
  <si>
    <t>823.0872/O59</t>
  </si>
  <si>
    <t>Twentieth-century crime and mystery writers / preface to the 1st ed., John M. Reilly ; preface to the 3rd ed., Kathleen Gregory Klein ; editor, Lesley Henderson.-- 3rd ed..-- St. James Press; c1991.-- (Twentieth century writers series).</t>
  </si>
  <si>
    <t>Twentieth-century crime and mystery writers / editor, John M. Reilly.-- 2nd ed..-- St. James Press; 1985.-- (Twentieth century writers series).</t>
  </si>
  <si>
    <t>Shoso-in bulletin : An experience of Sherlockiana which extends over many nations and three separate continents / editor Mel Hughes ; vol.7 : 1997, vol.8 : 1998, vol.14 : 2004.-- Men with the Twisted Konjo; c1997-c2004.</t>
  </si>
  <si>
    <t>823.0872/Sh95/7</t>
  </si>
  <si>
    <t>823.0872/Sh95/8</t>
  </si>
  <si>
    <t>823.0872/Sh95/14</t>
  </si>
  <si>
    <t>The Oxford University Press and the spread of learning, 1478-1978 : an illustrated history / by Nicolas Barker ; with a preface by Charles Ryskamp ; pbk..-- At the Clarendon Press; 1978.</t>
  </si>
  <si>
    <t>070.5/B21</t>
  </si>
  <si>
    <t>Œuvres complètes de Villiers de L'Isle-Adam ; I-II - XI.-- Slatkine Reprints; 1970.</t>
  </si>
  <si>
    <t>840.8/V71</t>
  </si>
  <si>
    <t>Sherlock Holmes : the detective magazine.-- Peter Harkness; 1998.</t>
  </si>
  <si>
    <t>EQMM350 / compiled by John Nieminski.-- The Armchair Detective Press; 1974.</t>
  </si>
  <si>
    <t>Alfred Hitchcok's mystery sampler ; Vol.3, No.6.-- Alfred Hitchcock's mystery magazine; 1958.6.</t>
  </si>
  <si>
    <t>Dell mystery novels ; No.1.-- Dell Publishing; 1955.</t>
  </si>
  <si>
    <t>813.072/D55</t>
  </si>
  <si>
    <t>Mordslust : das KrimiMagazin5.-- Westarp Verlag; 19--.</t>
  </si>
  <si>
    <t>808.83/Mo42</t>
  </si>
  <si>
    <t>Mysterious bookshop ; Spring catalog.-- The mysterious bookshop; [1991].</t>
  </si>
  <si>
    <t>809.387/My</t>
  </si>
  <si>
    <t>823.087/Sh14</t>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fonts count="2" x14ac:knownFonts="1">
    <font>
      <sz val="11"/>
      <color theme="1"/>
      <name val="ＭＳ Ｐゴシック"/>
      <family val="2"/>
      <charset val="128"/>
      <scheme val="minor"/>
    </font>
    <font>
      <sz val="6"/>
      <name val="ＭＳ Ｐゴシック"/>
      <family val="2"/>
      <charset val="128"/>
      <scheme val="minor"/>
    </font>
  </fonts>
  <fills count="3">
    <fill>
      <patternFill patternType="none"/>
    </fill>
    <fill>
      <patternFill patternType="gray125"/>
    </fill>
    <fill>
      <patternFill patternType="solid">
        <fgColor theme="0" tint="-0.14999847407452621"/>
        <bgColor indexed="64"/>
      </patternFill>
    </fill>
  </fills>
  <borders count="2">
    <border>
      <left/>
      <right/>
      <top/>
      <bottom/>
      <diagonal/>
    </border>
    <border>
      <left style="hair">
        <color indexed="64"/>
      </left>
      <right style="hair">
        <color indexed="64"/>
      </right>
      <top style="hair">
        <color indexed="64"/>
      </top>
      <bottom style="hair">
        <color indexed="64"/>
      </bottom>
      <diagonal/>
    </border>
  </borders>
  <cellStyleXfs count="1">
    <xf numFmtId="0" fontId="0" fillId="0" borderId="0">
      <alignment vertical="center"/>
    </xf>
  </cellStyleXfs>
  <cellXfs count="10">
    <xf numFmtId="0" fontId="0" fillId="0" borderId="0" xfId="0">
      <alignment vertical="center"/>
    </xf>
    <xf numFmtId="0" fontId="0" fillId="2" borderId="1" xfId="0" applyFill="1" applyBorder="1" applyAlignment="1">
      <alignment horizontal="left" vertical="center"/>
    </xf>
    <xf numFmtId="0" fontId="0" fillId="2" borderId="1" xfId="0" applyFill="1" applyBorder="1" applyAlignment="1">
      <alignment horizontal="left" vertical="center" wrapText="1"/>
    </xf>
    <xf numFmtId="0" fontId="0" fillId="0" borderId="1" xfId="0" applyBorder="1" applyAlignment="1">
      <alignment horizontal="left" vertical="center"/>
    </xf>
    <xf numFmtId="0" fontId="0" fillId="0" borderId="1" xfId="0" applyBorder="1" applyAlignment="1">
      <alignment horizontal="left" vertical="center" wrapText="1"/>
    </xf>
    <xf numFmtId="0" fontId="0" fillId="0" borderId="1" xfId="0" applyFill="1" applyBorder="1" applyAlignment="1">
      <alignment horizontal="left" vertical="center"/>
    </xf>
    <xf numFmtId="0" fontId="0" fillId="0" borderId="1" xfId="0" applyFill="1" applyBorder="1" applyAlignment="1">
      <alignment horizontal="left" vertical="center" wrapText="1"/>
    </xf>
    <xf numFmtId="0" fontId="0" fillId="0" borderId="0" xfId="0" applyBorder="1" applyAlignment="1">
      <alignment horizontal="left" vertical="center"/>
    </xf>
    <xf numFmtId="0" fontId="0" fillId="0" borderId="0" xfId="0" applyBorder="1" applyAlignment="1">
      <alignment horizontal="left" vertical="center" wrapText="1"/>
    </xf>
    <xf numFmtId="0" fontId="0" fillId="0" borderId="0" xfId="0" applyFill="1" applyBorder="1" applyAlignment="1">
      <alignment horizontal="left"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connections" Target="connection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queryTables/queryTable1.xml><?xml version="1.0" encoding="utf-8"?>
<queryTable xmlns="http://schemas.openxmlformats.org/spreadsheetml/2006/main" name="test" connectionId="1" autoFormatId="20" applyNumberFormats="0" applyBorderFormats="0" applyFontFormats="0" applyPatternFormats="0" applyAlignmentFormats="0" applyWidthHeightFormats="0"/>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queryTable" Target="../queryTables/queryTable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C5482"/>
  <sheetViews>
    <sheetView tabSelected="1" zoomScaleNormal="100" workbookViewId="0">
      <pane ySplit="1" topLeftCell="A2" activePane="bottomLeft" state="frozen"/>
      <selection pane="bottomLeft" activeCell="A2" sqref="A2"/>
    </sheetView>
  </sheetViews>
  <sheetFormatPr defaultRowHeight="13.5" x14ac:dyDescent="0.15"/>
  <cols>
    <col min="1" max="1" width="11.625" style="7" bestFit="1" customWidth="1"/>
    <col min="2" max="2" width="63" style="8" customWidth="1"/>
    <col min="3" max="3" width="16" style="7" customWidth="1"/>
    <col min="4" max="16384" width="9" style="7"/>
  </cols>
  <sheetData>
    <row r="1" spans="1:3" x14ac:dyDescent="0.15">
      <c r="A1" s="1" t="s">
        <v>0</v>
      </c>
      <c r="B1" s="2" t="s">
        <v>1</v>
      </c>
      <c r="C1" s="1" t="s">
        <v>2</v>
      </c>
    </row>
    <row r="2" spans="1:3" ht="27" x14ac:dyDescent="0.15">
      <c r="A2" s="3">
        <v>2011413056</v>
      </c>
      <c r="B2" s="4" t="s">
        <v>4790</v>
      </c>
      <c r="C2" s="3" t="s">
        <v>4791</v>
      </c>
    </row>
    <row r="3" spans="1:3" ht="27" x14ac:dyDescent="0.15">
      <c r="A3" s="3">
        <v>2011411224</v>
      </c>
      <c r="B3" s="4" t="s">
        <v>2567</v>
      </c>
      <c r="C3" s="3" t="s">
        <v>2568</v>
      </c>
    </row>
    <row r="4" spans="1:3" ht="27" x14ac:dyDescent="0.15">
      <c r="A4" s="3">
        <v>2011413486</v>
      </c>
      <c r="B4" s="4" t="s">
        <v>5311</v>
      </c>
      <c r="C4" s="3" t="s">
        <v>5312</v>
      </c>
    </row>
    <row r="5" spans="1:3" ht="27" x14ac:dyDescent="0.15">
      <c r="A5" s="3">
        <v>2011414227</v>
      </c>
      <c r="B5" s="4" t="s">
        <v>6313</v>
      </c>
      <c r="C5" s="3" t="s">
        <v>6314</v>
      </c>
    </row>
    <row r="6" spans="1:3" ht="27" x14ac:dyDescent="0.15">
      <c r="A6" s="3">
        <v>2011414228</v>
      </c>
      <c r="B6" s="4" t="s">
        <v>6313</v>
      </c>
      <c r="C6" s="3" t="s">
        <v>6314</v>
      </c>
    </row>
    <row r="7" spans="1:3" ht="27" x14ac:dyDescent="0.15">
      <c r="A7" s="3">
        <v>2011414229</v>
      </c>
      <c r="B7" s="4" t="s">
        <v>6313</v>
      </c>
      <c r="C7" s="3" t="s">
        <v>6314</v>
      </c>
    </row>
    <row r="8" spans="1:3" ht="27" x14ac:dyDescent="0.15">
      <c r="A8" s="3">
        <v>2011413466</v>
      </c>
      <c r="B8" s="4" t="s">
        <v>5281</v>
      </c>
      <c r="C8" s="3" t="s">
        <v>5282</v>
      </c>
    </row>
    <row r="9" spans="1:3" ht="27" x14ac:dyDescent="0.15">
      <c r="A9" s="3">
        <v>2011414166</v>
      </c>
      <c r="B9" s="4" t="s">
        <v>6220</v>
      </c>
      <c r="C9" s="3" t="s">
        <v>6221</v>
      </c>
    </row>
    <row r="10" spans="1:3" ht="27" x14ac:dyDescent="0.15">
      <c r="A10" s="3">
        <v>2011414299</v>
      </c>
      <c r="B10" s="4" t="s">
        <v>6418</v>
      </c>
      <c r="C10" s="3" t="s">
        <v>6419</v>
      </c>
    </row>
    <row r="11" spans="1:3" ht="27" x14ac:dyDescent="0.15">
      <c r="A11" s="3">
        <v>2011412078</v>
      </c>
      <c r="B11" s="4" t="s">
        <v>3592</v>
      </c>
      <c r="C11" s="3" t="s">
        <v>3593</v>
      </c>
    </row>
    <row r="12" spans="1:3" ht="27" x14ac:dyDescent="0.15">
      <c r="A12" s="3">
        <v>2011412079</v>
      </c>
      <c r="B12" s="4" t="s">
        <v>3592</v>
      </c>
      <c r="C12" s="3" t="s">
        <v>3593</v>
      </c>
    </row>
    <row r="13" spans="1:3" x14ac:dyDescent="0.15">
      <c r="A13" s="3">
        <v>2011410672</v>
      </c>
      <c r="B13" s="4" t="s">
        <v>1938</v>
      </c>
      <c r="C13" s="3" t="s">
        <v>1939</v>
      </c>
    </row>
    <row r="14" spans="1:3" x14ac:dyDescent="0.15">
      <c r="A14" s="3">
        <v>2011410676</v>
      </c>
      <c r="B14" s="4" t="s">
        <v>1945</v>
      </c>
      <c r="C14" s="3" t="s">
        <v>1946</v>
      </c>
    </row>
    <row r="15" spans="1:3" ht="27" x14ac:dyDescent="0.15">
      <c r="A15" s="3">
        <v>2011414192</v>
      </c>
      <c r="B15" s="4" t="s">
        <v>6259</v>
      </c>
      <c r="C15" s="3" t="s">
        <v>6260</v>
      </c>
    </row>
    <row r="16" spans="1:3" ht="27" x14ac:dyDescent="0.15">
      <c r="A16" s="3">
        <v>2011414547</v>
      </c>
      <c r="B16" s="4" t="s">
        <v>6740</v>
      </c>
      <c r="C16" s="3" t="s">
        <v>6741</v>
      </c>
    </row>
    <row r="17" spans="1:3" ht="40.5" x14ac:dyDescent="0.15">
      <c r="A17" s="3">
        <v>2011413839</v>
      </c>
      <c r="B17" s="4" t="s">
        <v>5764</v>
      </c>
      <c r="C17" s="3" t="s">
        <v>5765</v>
      </c>
    </row>
    <row r="18" spans="1:3" ht="27" x14ac:dyDescent="0.15">
      <c r="A18" s="3">
        <v>2011413228</v>
      </c>
      <c r="B18" s="4" t="s">
        <v>5037</v>
      </c>
      <c r="C18" s="3" t="s">
        <v>5038</v>
      </c>
    </row>
    <row r="19" spans="1:3" ht="27" x14ac:dyDescent="0.15">
      <c r="A19" s="3">
        <v>2011413229</v>
      </c>
      <c r="B19" s="4" t="s">
        <v>5039</v>
      </c>
      <c r="C19" s="3" t="s">
        <v>5038</v>
      </c>
    </row>
    <row r="20" spans="1:3" ht="40.5" x14ac:dyDescent="0.15">
      <c r="A20" s="3">
        <v>2011414561</v>
      </c>
      <c r="B20" s="4" t="s">
        <v>6758</v>
      </c>
      <c r="C20" s="3" t="s">
        <v>6759</v>
      </c>
    </row>
    <row r="21" spans="1:3" ht="27" x14ac:dyDescent="0.15">
      <c r="A21" s="3">
        <v>2011411936</v>
      </c>
      <c r="B21" s="4" t="s">
        <v>3428</v>
      </c>
      <c r="C21" s="3" t="s">
        <v>3429</v>
      </c>
    </row>
    <row r="22" spans="1:3" ht="40.5" x14ac:dyDescent="0.15">
      <c r="A22" s="3">
        <v>2011414289</v>
      </c>
      <c r="B22" s="4" t="s">
        <v>6401</v>
      </c>
      <c r="C22" s="3" t="s">
        <v>6402</v>
      </c>
    </row>
    <row r="23" spans="1:3" ht="40.5" x14ac:dyDescent="0.15">
      <c r="A23" s="3">
        <v>2011414465</v>
      </c>
      <c r="B23" s="4" t="s">
        <v>6625</v>
      </c>
      <c r="C23" s="3" t="s">
        <v>6626</v>
      </c>
    </row>
    <row r="24" spans="1:3" ht="27" x14ac:dyDescent="0.15">
      <c r="A24" s="3">
        <v>2011414441</v>
      </c>
      <c r="B24" s="4" t="s">
        <v>6583</v>
      </c>
      <c r="C24" s="3" t="s">
        <v>6584</v>
      </c>
    </row>
    <row r="25" spans="1:3" ht="27" x14ac:dyDescent="0.15">
      <c r="A25" s="3">
        <v>2011412248</v>
      </c>
      <c r="B25" s="4" t="s">
        <v>3780</v>
      </c>
      <c r="C25" s="3" t="s">
        <v>3781</v>
      </c>
    </row>
    <row r="26" spans="1:3" ht="27" x14ac:dyDescent="0.15">
      <c r="A26" s="3">
        <v>2011413451</v>
      </c>
      <c r="B26" s="4" t="s">
        <v>5260</v>
      </c>
      <c r="C26" s="3" t="s">
        <v>5261</v>
      </c>
    </row>
    <row r="27" spans="1:3" ht="27" x14ac:dyDescent="0.15">
      <c r="A27" s="3">
        <v>2011410278</v>
      </c>
      <c r="B27" s="4" t="s">
        <v>1441</v>
      </c>
      <c r="C27" s="3" t="s">
        <v>1442</v>
      </c>
    </row>
    <row r="28" spans="1:3" ht="27" x14ac:dyDescent="0.15">
      <c r="A28" s="3">
        <v>2011414287</v>
      </c>
      <c r="B28" s="4" t="s">
        <v>6398</v>
      </c>
      <c r="C28" s="3" t="s">
        <v>6399</v>
      </c>
    </row>
    <row r="29" spans="1:3" x14ac:dyDescent="0.15">
      <c r="A29" s="3">
        <v>2011412733</v>
      </c>
      <c r="B29" s="4" t="s">
        <v>4386</v>
      </c>
      <c r="C29" s="3" t="s">
        <v>4387</v>
      </c>
    </row>
    <row r="30" spans="1:3" ht="27" x14ac:dyDescent="0.15">
      <c r="A30" s="3">
        <v>2011411857</v>
      </c>
      <c r="B30" s="4" t="s">
        <v>3321</v>
      </c>
      <c r="C30" s="3" t="s">
        <v>3322</v>
      </c>
    </row>
    <row r="31" spans="1:3" ht="27" x14ac:dyDescent="0.15">
      <c r="A31" s="3">
        <v>2011412270</v>
      </c>
      <c r="B31" s="4" t="s">
        <v>3802</v>
      </c>
      <c r="C31" s="3" t="s">
        <v>3803</v>
      </c>
    </row>
    <row r="32" spans="1:3" x14ac:dyDescent="0.15">
      <c r="A32" s="3">
        <v>2011413483</v>
      </c>
      <c r="B32" s="4" t="s">
        <v>5306</v>
      </c>
      <c r="C32" s="3" t="s">
        <v>5307</v>
      </c>
    </row>
    <row r="33" spans="1:3" x14ac:dyDescent="0.15">
      <c r="A33" s="3">
        <v>2011413849</v>
      </c>
      <c r="B33" s="4" t="s">
        <v>5779</v>
      </c>
      <c r="C33" s="3" t="s">
        <v>5780</v>
      </c>
    </row>
    <row r="34" spans="1:3" x14ac:dyDescent="0.15">
      <c r="A34" s="3">
        <v>2011410939</v>
      </c>
      <c r="B34" s="4" t="s">
        <v>2237</v>
      </c>
      <c r="C34" s="3" t="s">
        <v>2238</v>
      </c>
    </row>
    <row r="35" spans="1:3" ht="27" x14ac:dyDescent="0.15">
      <c r="A35" s="3">
        <v>2011413107</v>
      </c>
      <c r="B35" s="4" t="s">
        <v>4864</v>
      </c>
      <c r="C35" s="3" t="s">
        <v>4865</v>
      </c>
    </row>
    <row r="36" spans="1:3" ht="27" x14ac:dyDescent="0.15">
      <c r="A36" s="3">
        <v>2011410513</v>
      </c>
      <c r="B36" s="4" t="s">
        <v>1725</v>
      </c>
      <c r="C36" s="3" t="s">
        <v>1726</v>
      </c>
    </row>
    <row r="37" spans="1:3" ht="27" x14ac:dyDescent="0.15">
      <c r="A37" s="3">
        <v>2011411364</v>
      </c>
      <c r="B37" s="4" t="s">
        <v>2749</v>
      </c>
      <c r="C37" s="3" t="s">
        <v>2750</v>
      </c>
    </row>
    <row r="38" spans="1:3" ht="27" x14ac:dyDescent="0.15">
      <c r="A38" s="3">
        <v>2011413793</v>
      </c>
      <c r="B38" s="4" t="s">
        <v>5697</v>
      </c>
      <c r="C38" s="3" t="s">
        <v>5698</v>
      </c>
    </row>
    <row r="39" spans="1:3" ht="40.5" x14ac:dyDescent="0.15">
      <c r="A39" s="3">
        <v>2011411075</v>
      </c>
      <c r="B39" s="4" t="s">
        <v>2381</v>
      </c>
      <c r="C39" s="3" t="s">
        <v>2382</v>
      </c>
    </row>
    <row r="40" spans="1:3" ht="27" x14ac:dyDescent="0.15">
      <c r="A40" s="3">
        <v>2011410404</v>
      </c>
      <c r="B40" s="4" t="s">
        <v>1591</v>
      </c>
      <c r="C40" s="3" t="s">
        <v>1592</v>
      </c>
    </row>
    <row r="41" spans="1:3" ht="27" x14ac:dyDescent="0.15">
      <c r="A41" s="3">
        <v>2011411458</v>
      </c>
      <c r="B41" s="4" t="s">
        <v>2864</v>
      </c>
      <c r="C41" s="3" t="s">
        <v>2865</v>
      </c>
    </row>
    <row r="42" spans="1:3" ht="27" x14ac:dyDescent="0.15">
      <c r="A42" s="3">
        <v>2011410043</v>
      </c>
      <c r="B42" s="4" t="s">
        <v>1127</v>
      </c>
      <c r="C42" s="3" t="s">
        <v>1128</v>
      </c>
    </row>
    <row r="43" spans="1:3" ht="27" x14ac:dyDescent="0.15">
      <c r="A43" s="3">
        <v>2011410225</v>
      </c>
      <c r="B43" s="4" t="s">
        <v>1377</v>
      </c>
      <c r="C43" s="3" t="s">
        <v>1378</v>
      </c>
    </row>
    <row r="44" spans="1:3" ht="40.5" x14ac:dyDescent="0.15">
      <c r="A44" s="3">
        <v>2011411634</v>
      </c>
      <c r="B44" s="4" t="s">
        <v>3084</v>
      </c>
      <c r="C44" s="3" t="s">
        <v>3085</v>
      </c>
    </row>
    <row r="45" spans="1:3" ht="40.5" x14ac:dyDescent="0.15">
      <c r="A45" s="3">
        <v>2011411951</v>
      </c>
      <c r="B45" s="4" t="s">
        <v>3453</v>
      </c>
      <c r="C45" s="3" t="s">
        <v>3085</v>
      </c>
    </row>
    <row r="46" spans="1:3" ht="27" x14ac:dyDescent="0.15">
      <c r="A46" s="3">
        <v>2011411240</v>
      </c>
      <c r="B46" s="4" t="s">
        <v>2590</v>
      </c>
      <c r="C46" s="3" t="s">
        <v>2591</v>
      </c>
    </row>
    <row r="47" spans="1:3" ht="27" x14ac:dyDescent="0.15">
      <c r="A47" s="3">
        <v>2011410943</v>
      </c>
      <c r="B47" s="4" t="s">
        <v>2243</v>
      </c>
      <c r="C47" s="3" t="s">
        <v>2244</v>
      </c>
    </row>
    <row r="48" spans="1:3" ht="27" x14ac:dyDescent="0.15">
      <c r="A48" s="3">
        <v>2011413875</v>
      </c>
      <c r="B48" s="4" t="s">
        <v>5822</v>
      </c>
      <c r="C48" s="3" t="s">
        <v>5823</v>
      </c>
    </row>
    <row r="49" spans="1:3" ht="27" x14ac:dyDescent="0.15">
      <c r="A49" s="3">
        <v>2011411598</v>
      </c>
      <c r="B49" s="4" t="s">
        <v>3036</v>
      </c>
      <c r="C49" s="3" t="s">
        <v>3037</v>
      </c>
    </row>
    <row r="50" spans="1:3" ht="27" x14ac:dyDescent="0.15">
      <c r="A50" s="3">
        <v>2011410647</v>
      </c>
      <c r="B50" s="4" t="s">
        <v>1904</v>
      </c>
      <c r="C50" s="3" t="s">
        <v>1905</v>
      </c>
    </row>
    <row r="51" spans="1:3" ht="27" x14ac:dyDescent="0.15">
      <c r="A51" s="3">
        <v>2011414015</v>
      </c>
      <c r="B51" s="4" t="s">
        <v>6012</v>
      </c>
      <c r="C51" s="3" t="s">
        <v>6013</v>
      </c>
    </row>
    <row r="52" spans="1:3" ht="27" x14ac:dyDescent="0.15">
      <c r="A52" s="3">
        <v>2011414040</v>
      </c>
      <c r="B52" s="4" t="s">
        <v>6045</v>
      </c>
      <c r="C52" s="3" t="s">
        <v>6046</v>
      </c>
    </row>
    <row r="53" spans="1:3" ht="27" x14ac:dyDescent="0.15">
      <c r="A53" s="3">
        <v>2008315158</v>
      </c>
      <c r="B53" s="4" t="s">
        <v>3</v>
      </c>
      <c r="C53" s="3" t="s">
        <v>4</v>
      </c>
    </row>
    <row r="54" spans="1:3" ht="27" x14ac:dyDescent="0.15">
      <c r="A54" s="3">
        <v>2011411835</v>
      </c>
      <c r="B54" s="4" t="s">
        <v>3289</v>
      </c>
      <c r="C54" s="3" t="s">
        <v>3290</v>
      </c>
    </row>
    <row r="55" spans="1:3" x14ac:dyDescent="0.15">
      <c r="A55" s="3">
        <v>2011411592</v>
      </c>
      <c r="B55" s="4" t="s">
        <v>3028</v>
      </c>
      <c r="C55" s="3" t="s">
        <v>3029</v>
      </c>
    </row>
    <row r="56" spans="1:3" ht="27" x14ac:dyDescent="0.15">
      <c r="A56" s="3">
        <v>2011413789</v>
      </c>
      <c r="B56" s="4" t="s">
        <v>5690</v>
      </c>
      <c r="C56" s="3" t="s">
        <v>5691</v>
      </c>
    </row>
    <row r="57" spans="1:3" ht="27" x14ac:dyDescent="0.15">
      <c r="A57" s="3">
        <v>2011414468</v>
      </c>
      <c r="B57" s="4" t="s">
        <v>6631</v>
      </c>
      <c r="C57" s="3" t="s">
        <v>6632</v>
      </c>
    </row>
    <row r="58" spans="1:3" ht="27" x14ac:dyDescent="0.15">
      <c r="A58" s="3">
        <v>2011412158</v>
      </c>
      <c r="B58" s="4" t="s">
        <v>3684</v>
      </c>
      <c r="C58" s="3" t="s">
        <v>3685</v>
      </c>
    </row>
    <row r="59" spans="1:3" ht="27" x14ac:dyDescent="0.15">
      <c r="A59" s="3">
        <v>2011414419</v>
      </c>
      <c r="B59" s="4" t="s">
        <v>6554</v>
      </c>
      <c r="C59" s="3" t="s">
        <v>6555</v>
      </c>
    </row>
    <row r="60" spans="1:3" ht="27" x14ac:dyDescent="0.15">
      <c r="A60" s="3">
        <v>2011411771</v>
      </c>
      <c r="B60" s="4" t="s">
        <v>3213</v>
      </c>
      <c r="C60" s="3" t="s">
        <v>3214</v>
      </c>
    </row>
    <row r="61" spans="1:3" ht="27" x14ac:dyDescent="0.15">
      <c r="A61" s="3">
        <v>2011413953</v>
      </c>
      <c r="B61" s="4" t="s">
        <v>5932</v>
      </c>
      <c r="C61" s="3" t="s">
        <v>5933</v>
      </c>
    </row>
    <row r="62" spans="1:3" ht="27" x14ac:dyDescent="0.15">
      <c r="A62" s="3">
        <v>2011412348</v>
      </c>
      <c r="B62" s="4" t="s">
        <v>3884</v>
      </c>
      <c r="C62" s="3" t="s">
        <v>3885</v>
      </c>
    </row>
    <row r="63" spans="1:3" ht="27" x14ac:dyDescent="0.15">
      <c r="A63" s="3">
        <v>2011412368</v>
      </c>
      <c r="B63" s="4" t="s">
        <v>3913</v>
      </c>
      <c r="C63" s="3" t="s">
        <v>3914</v>
      </c>
    </row>
    <row r="64" spans="1:3" ht="40.5" x14ac:dyDescent="0.15">
      <c r="A64" s="3">
        <v>2008400319</v>
      </c>
      <c r="B64" s="4" t="s">
        <v>379</v>
      </c>
      <c r="C64" s="3" t="s">
        <v>380</v>
      </c>
    </row>
    <row r="65" spans="1:3" ht="40.5" x14ac:dyDescent="0.15">
      <c r="A65" s="3">
        <v>2008400320</v>
      </c>
      <c r="B65" s="4" t="s">
        <v>381</v>
      </c>
      <c r="C65" s="3" t="s">
        <v>380</v>
      </c>
    </row>
    <row r="66" spans="1:3" ht="40.5" x14ac:dyDescent="0.15">
      <c r="A66" s="3">
        <v>2011412210</v>
      </c>
      <c r="B66" s="4" t="s">
        <v>3734</v>
      </c>
      <c r="C66" s="3" t="s">
        <v>380</v>
      </c>
    </row>
    <row r="67" spans="1:3" ht="27" x14ac:dyDescent="0.15">
      <c r="A67" s="3">
        <v>2011411601</v>
      </c>
      <c r="B67" s="4" t="s">
        <v>3042</v>
      </c>
      <c r="C67" s="3" t="s">
        <v>3043</v>
      </c>
    </row>
    <row r="68" spans="1:3" ht="27" x14ac:dyDescent="0.15">
      <c r="A68" s="3">
        <v>2011411602</v>
      </c>
      <c r="B68" s="4" t="s">
        <v>3042</v>
      </c>
      <c r="C68" s="3" t="s">
        <v>3044</v>
      </c>
    </row>
    <row r="69" spans="1:3" ht="27" x14ac:dyDescent="0.15">
      <c r="A69" s="3">
        <v>2011413395</v>
      </c>
      <c r="B69" s="4" t="s">
        <v>5192</v>
      </c>
      <c r="C69" s="3" t="s">
        <v>5193</v>
      </c>
    </row>
    <row r="70" spans="1:3" x14ac:dyDescent="0.15">
      <c r="A70" s="3">
        <v>2011412039</v>
      </c>
      <c r="B70" s="4" t="s">
        <v>3540</v>
      </c>
      <c r="C70" s="3" t="s">
        <v>3541</v>
      </c>
    </row>
    <row r="71" spans="1:3" ht="27" x14ac:dyDescent="0.15">
      <c r="A71" s="3">
        <v>2011414100</v>
      </c>
      <c r="B71" s="4" t="s">
        <v>6125</v>
      </c>
      <c r="C71" s="3" t="s">
        <v>6126</v>
      </c>
    </row>
    <row r="72" spans="1:3" ht="27" x14ac:dyDescent="0.15">
      <c r="A72" s="3">
        <v>2011411850</v>
      </c>
      <c r="B72" s="4" t="s">
        <v>3312</v>
      </c>
      <c r="C72" s="3" t="s">
        <v>3313</v>
      </c>
    </row>
    <row r="73" spans="1:3" ht="27" x14ac:dyDescent="0.15">
      <c r="A73" s="3">
        <v>2011410083</v>
      </c>
      <c r="B73" s="4" t="s">
        <v>1195</v>
      </c>
      <c r="C73" s="3" t="s">
        <v>1196</v>
      </c>
    </row>
    <row r="74" spans="1:3" ht="27" x14ac:dyDescent="0.15">
      <c r="A74" s="3">
        <v>2011414159</v>
      </c>
      <c r="B74" s="4" t="s">
        <v>6208</v>
      </c>
      <c r="C74" s="3" t="s">
        <v>6209</v>
      </c>
    </row>
    <row r="75" spans="1:3" ht="27" x14ac:dyDescent="0.15">
      <c r="A75" s="3">
        <v>2011412570</v>
      </c>
      <c r="B75" s="4" t="s">
        <v>4192</v>
      </c>
      <c r="C75" s="3" t="s">
        <v>4193</v>
      </c>
    </row>
    <row r="76" spans="1:3" ht="81" x14ac:dyDescent="0.15">
      <c r="A76" s="3">
        <v>2011410667</v>
      </c>
      <c r="B76" s="4" t="s">
        <v>1931</v>
      </c>
      <c r="C76" s="3" t="s">
        <v>1932</v>
      </c>
    </row>
    <row r="77" spans="1:3" ht="27" x14ac:dyDescent="0.15">
      <c r="A77" s="3">
        <v>2011414365</v>
      </c>
      <c r="B77" s="4" t="s">
        <v>6487</v>
      </c>
      <c r="C77" s="3" t="s">
        <v>6488</v>
      </c>
    </row>
    <row r="78" spans="1:3" ht="27" x14ac:dyDescent="0.15">
      <c r="A78" s="3">
        <v>2008400860</v>
      </c>
      <c r="B78" s="4" t="s">
        <v>996</v>
      </c>
      <c r="C78" s="3" t="s">
        <v>997</v>
      </c>
    </row>
    <row r="79" spans="1:3" x14ac:dyDescent="0.15">
      <c r="A79" s="3">
        <v>2011410095</v>
      </c>
      <c r="B79" s="4" t="s">
        <v>1210</v>
      </c>
      <c r="C79" s="3" t="s">
        <v>1211</v>
      </c>
    </row>
    <row r="80" spans="1:3" x14ac:dyDescent="0.15">
      <c r="A80" s="3">
        <v>2011410181</v>
      </c>
      <c r="B80" s="4" t="s">
        <v>1319</v>
      </c>
      <c r="C80" s="3" t="s">
        <v>1320</v>
      </c>
    </row>
    <row r="81" spans="1:3" x14ac:dyDescent="0.15">
      <c r="A81" s="3">
        <v>2011412605</v>
      </c>
      <c r="B81" s="4" t="s">
        <v>4240</v>
      </c>
      <c r="C81" s="3" t="s">
        <v>4241</v>
      </c>
    </row>
    <row r="82" spans="1:3" x14ac:dyDescent="0.15">
      <c r="A82" s="3">
        <v>2011412728</v>
      </c>
      <c r="B82" s="4" t="s">
        <v>4377</v>
      </c>
      <c r="C82" s="3" t="s">
        <v>4378</v>
      </c>
    </row>
    <row r="83" spans="1:3" ht="27" x14ac:dyDescent="0.15">
      <c r="A83" s="3">
        <v>2011414450</v>
      </c>
      <c r="B83" s="4" t="s">
        <v>6596</v>
      </c>
      <c r="C83" s="3" t="s">
        <v>6597</v>
      </c>
    </row>
    <row r="84" spans="1:3" ht="27" x14ac:dyDescent="0.15">
      <c r="A84" s="3">
        <v>2011414504</v>
      </c>
      <c r="B84" s="4" t="s">
        <v>6681</v>
      </c>
      <c r="C84" s="3" t="s">
        <v>6682</v>
      </c>
    </row>
    <row r="85" spans="1:3" ht="40.5" x14ac:dyDescent="0.15">
      <c r="A85" s="3">
        <v>2011414541</v>
      </c>
      <c r="B85" s="4" t="s">
        <v>6733</v>
      </c>
      <c r="C85" s="3" t="s">
        <v>6734</v>
      </c>
    </row>
    <row r="86" spans="1:3" ht="27" x14ac:dyDescent="0.15">
      <c r="A86" s="3">
        <v>2011414446</v>
      </c>
      <c r="B86" s="4" t="s">
        <v>6589</v>
      </c>
      <c r="C86" s="3" t="s">
        <v>6590</v>
      </c>
    </row>
    <row r="87" spans="1:3" ht="27" x14ac:dyDescent="0.15">
      <c r="A87" s="3">
        <v>2011414525</v>
      </c>
      <c r="B87" s="4" t="s">
        <v>6711</v>
      </c>
      <c r="C87" s="3" t="s">
        <v>6712</v>
      </c>
    </row>
    <row r="88" spans="1:3" x14ac:dyDescent="0.15">
      <c r="A88" s="3">
        <v>2011412601</v>
      </c>
      <c r="B88" s="4" t="s">
        <v>4233</v>
      </c>
      <c r="C88" s="3" t="s">
        <v>4234</v>
      </c>
    </row>
    <row r="89" spans="1:3" x14ac:dyDescent="0.15">
      <c r="A89" s="3">
        <v>2011412651</v>
      </c>
      <c r="B89" s="4" t="s">
        <v>4299</v>
      </c>
      <c r="C89" s="3" t="s">
        <v>4300</v>
      </c>
    </row>
    <row r="90" spans="1:3" x14ac:dyDescent="0.15">
      <c r="A90" s="3">
        <v>2011412992</v>
      </c>
      <c r="B90" s="4" t="s">
        <v>4702</v>
      </c>
      <c r="C90" s="3" t="s">
        <v>4703</v>
      </c>
    </row>
    <row r="91" spans="1:3" ht="40.5" x14ac:dyDescent="0.15">
      <c r="A91" s="3">
        <v>2011413396</v>
      </c>
      <c r="B91" s="4" t="s">
        <v>5194</v>
      </c>
      <c r="C91" s="3" t="s">
        <v>5195</v>
      </c>
    </row>
    <row r="92" spans="1:3" ht="27" x14ac:dyDescent="0.15">
      <c r="A92" s="3">
        <v>2011410661</v>
      </c>
      <c r="B92" s="4" t="s">
        <v>1923</v>
      </c>
      <c r="C92" s="3" t="s">
        <v>1924</v>
      </c>
    </row>
    <row r="93" spans="1:3" ht="27" x14ac:dyDescent="0.15">
      <c r="A93" s="3">
        <v>2011410959</v>
      </c>
      <c r="B93" s="4" t="s">
        <v>2256</v>
      </c>
      <c r="C93" s="3" t="s">
        <v>2257</v>
      </c>
    </row>
    <row r="94" spans="1:3" ht="27" x14ac:dyDescent="0.15">
      <c r="A94" s="3">
        <v>2011414008</v>
      </c>
      <c r="B94" s="4" t="s">
        <v>6002</v>
      </c>
      <c r="C94" s="3" t="s">
        <v>6003</v>
      </c>
    </row>
    <row r="95" spans="1:3" ht="27" x14ac:dyDescent="0.15">
      <c r="A95" s="3">
        <v>2011410279</v>
      </c>
      <c r="B95" s="4" t="s">
        <v>1443</v>
      </c>
      <c r="C95" s="3" t="s">
        <v>1444</v>
      </c>
    </row>
    <row r="96" spans="1:3" ht="27" x14ac:dyDescent="0.15">
      <c r="A96" s="3">
        <v>2011414486</v>
      </c>
      <c r="B96" s="4" t="s">
        <v>6659</v>
      </c>
      <c r="C96" s="3" t="s">
        <v>6660</v>
      </c>
    </row>
    <row r="97" spans="1:3" x14ac:dyDescent="0.15">
      <c r="A97" s="3">
        <v>2011411838</v>
      </c>
      <c r="B97" s="4" t="s">
        <v>3295</v>
      </c>
      <c r="C97" s="3" t="s">
        <v>3296</v>
      </c>
    </row>
    <row r="98" spans="1:3" x14ac:dyDescent="0.15">
      <c r="A98" s="3">
        <v>2011411839</v>
      </c>
      <c r="B98" s="4" t="s">
        <v>3295</v>
      </c>
      <c r="C98" s="3" t="s">
        <v>3296</v>
      </c>
    </row>
    <row r="99" spans="1:3" x14ac:dyDescent="0.15">
      <c r="A99" s="3">
        <v>2011411932</v>
      </c>
      <c r="B99" s="4" t="s">
        <v>3422</v>
      </c>
      <c r="C99" s="3" t="s">
        <v>3296</v>
      </c>
    </row>
    <row r="100" spans="1:3" x14ac:dyDescent="0.15">
      <c r="A100" s="3">
        <v>2011414479</v>
      </c>
      <c r="B100" s="4" t="s">
        <v>6647</v>
      </c>
      <c r="C100" s="3" t="s">
        <v>6648</v>
      </c>
    </row>
    <row r="101" spans="1:3" ht="27" x14ac:dyDescent="0.15">
      <c r="A101" s="3">
        <v>2011414544</v>
      </c>
      <c r="B101" s="4" t="s">
        <v>6736</v>
      </c>
      <c r="C101" s="3" t="s">
        <v>6737</v>
      </c>
    </row>
    <row r="102" spans="1:3" x14ac:dyDescent="0.15">
      <c r="A102" s="3">
        <v>2011410231</v>
      </c>
      <c r="B102" s="4" t="s">
        <v>1384</v>
      </c>
      <c r="C102" s="3" t="s">
        <v>1385</v>
      </c>
    </row>
    <row r="103" spans="1:3" ht="27" x14ac:dyDescent="0.15">
      <c r="A103" s="3">
        <v>2011410717</v>
      </c>
      <c r="B103" s="4" t="s">
        <v>2000</v>
      </c>
      <c r="C103" s="3" t="s">
        <v>2001</v>
      </c>
    </row>
    <row r="104" spans="1:3" x14ac:dyDescent="0.15">
      <c r="A104" s="3">
        <v>2011414470</v>
      </c>
      <c r="B104" s="4" t="s">
        <v>6635</v>
      </c>
      <c r="C104" s="3" t="s">
        <v>6636</v>
      </c>
    </row>
    <row r="105" spans="1:3" ht="40.5" x14ac:dyDescent="0.15">
      <c r="A105" s="3">
        <v>2008400261</v>
      </c>
      <c r="B105" s="4" t="s">
        <v>312</v>
      </c>
      <c r="C105" s="3" t="s">
        <v>313</v>
      </c>
    </row>
    <row r="106" spans="1:3" ht="27" x14ac:dyDescent="0.15">
      <c r="A106" s="3">
        <v>2011413870</v>
      </c>
      <c r="B106" s="4" t="s">
        <v>5813</v>
      </c>
      <c r="C106" s="3" t="s">
        <v>5814</v>
      </c>
    </row>
    <row r="107" spans="1:3" ht="27" x14ac:dyDescent="0.15">
      <c r="A107" s="3">
        <v>2008400642</v>
      </c>
      <c r="B107" s="4" t="s">
        <v>762</v>
      </c>
      <c r="C107" s="3" t="s">
        <v>763</v>
      </c>
    </row>
    <row r="108" spans="1:3" x14ac:dyDescent="0.15">
      <c r="A108" s="3">
        <v>2011410306</v>
      </c>
      <c r="B108" s="4" t="s">
        <v>1480</v>
      </c>
      <c r="C108" s="3" t="s">
        <v>1481</v>
      </c>
    </row>
    <row r="109" spans="1:3" ht="27" x14ac:dyDescent="0.15">
      <c r="A109" s="3">
        <v>2011412541</v>
      </c>
      <c r="B109" s="4" t="s">
        <v>4156</v>
      </c>
      <c r="C109" s="3" t="s">
        <v>4157</v>
      </c>
    </row>
    <row r="110" spans="1:3" ht="27" x14ac:dyDescent="0.15">
      <c r="A110" s="3">
        <v>2011413865</v>
      </c>
      <c r="B110" s="4" t="s">
        <v>5804</v>
      </c>
      <c r="C110" s="3" t="s">
        <v>5805</v>
      </c>
    </row>
    <row r="111" spans="1:3" ht="27" x14ac:dyDescent="0.15">
      <c r="A111" s="3">
        <v>2011413973</v>
      </c>
      <c r="B111" s="4" t="s">
        <v>5959</v>
      </c>
      <c r="C111" s="3" t="s">
        <v>5960</v>
      </c>
    </row>
    <row r="112" spans="1:3" ht="27" x14ac:dyDescent="0.15">
      <c r="A112" s="3">
        <v>2011410047</v>
      </c>
      <c r="B112" s="4" t="s">
        <v>1135</v>
      </c>
      <c r="C112" s="3" t="s">
        <v>1136</v>
      </c>
    </row>
    <row r="113" spans="1:3" ht="40.5" x14ac:dyDescent="0.15">
      <c r="A113" s="3">
        <v>2011414532</v>
      </c>
      <c r="B113" s="4" t="s">
        <v>6718</v>
      </c>
      <c r="C113" s="3" t="s">
        <v>6719</v>
      </c>
    </row>
    <row r="114" spans="1:3" ht="40.5" x14ac:dyDescent="0.15">
      <c r="A114" s="3">
        <v>2011410041</v>
      </c>
      <c r="B114" s="4" t="s">
        <v>1123</v>
      </c>
      <c r="C114" s="3" t="s">
        <v>1124</v>
      </c>
    </row>
    <row r="115" spans="1:3" ht="27" x14ac:dyDescent="0.15">
      <c r="A115" s="3">
        <v>2011410536</v>
      </c>
      <c r="B115" s="4" t="s">
        <v>1749</v>
      </c>
      <c r="C115" s="3" t="s">
        <v>1750</v>
      </c>
    </row>
    <row r="116" spans="1:3" ht="27" x14ac:dyDescent="0.15">
      <c r="A116" s="3">
        <v>2011410923</v>
      </c>
      <c r="B116" s="4" t="s">
        <v>2218</v>
      </c>
      <c r="C116" s="3" t="s">
        <v>2219</v>
      </c>
    </row>
    <row r="117" spans="1:3" ht="27" x14ac:dyDescent="0.15">
      <c r="A117" s="3">
        <v>2011411621</v>
      </c>
      <c r="B117" s="4" t="s">
        <v>3065</v>
      </c>
      <c r="C117" s="3" t="s">
        <v>3066</v>
      </c>
    </row>
    <row r="118" spans="1:3" ht="40.5" x14ac:dyDescent="0.15">
      <c r="A118" s="3">
        <v>2011412626</v>
      </c>
      <c r="B118" s="4" t="s">
        <v>4267</v>
      </c>
      <c r="C118" s="3" t="s">
        <v>4268</v>
      </c>
    </row>
    <row r="119" spans="1:3" ht="27" x14ac:dyDescent="0.15">
      <c r="A119" s="3">
        <v>2008400874</v>
      </c>
      <c r="B119" s="4" t="s">
        <v>1017</v>
      </c>
      <c r="C119" s="3" t="s">
        <v>1018</v>
      </c>
    </row>
    <row r="120" spans="1:3" ht="27" x14ac:dyDescent="0.15">
      <c r="A120" s="3">
        <v>2008400909</v>
      </c>
      <c r="B120" s="4" t="s">
        <v>1057</v>
      </c>
      <c r="C120" s="3" t="s">
        <v>1058</v>
      </c>
    </row>
    <row r="121" spans="1:3" ht="27" x14ac:dyDescent="0.15">
      <c r="A121" s="3">
        <v>2008400832</v>
      </c>
      <c r="B121" s="4" t="s">
        <v>964</v>
      </c>
      <c r="C121" s="3" t="s">
        <v>965</v>
      </c>
    </row>
    <row r="122" spans="1:3" x14ac:dyDescent="0.15">
      <c r="A122" s="3">
        <v>2011410619</v>
      </c>
      <c r="B122" s="4" t="s">
        <v>1870</v>
      </c>
      <c r="C122" s="3" t="s">
        <v>1871</v>
      </c>
    </row>
    <row r="123" spans="1:3" x14ac:dyDescent="0.15">
      <c r="A123" s="3">
        <v>2011413508</v>
      </c>
      <c r="B123" s="4" t="s">
        <v>5343</v>
      </c>
      <c r="C123" s="3" t="s">
        <v>5344</v>
      </c>
    </row>
    <row r="124" spans="1:3" ht="27" x14ac:dyDescent="0.15">
      <c r="A124" s="3">
        <v>2011411900</v>
      </c>
      <c r="B124" s="4" t="s">
        <v>3377</v>
      </c>
      <c r="C124" s="3" t="s">
        <v>3378</v>
      </c>
    </row>
    <row r="125" spans="1:3" ht="27" x14ac:dyDescent="0.15">
      <c r="A125" s="3">
        <v>2011414164</v>
      </c>
      <c r="B125" s="4" t="s">
        <v>6217</v>
      </c>
      <c r="C125" s="3" t="s">
        <v>6218</v>
      </c>
    </row>
    <row r="126" spans="1:3" ht="27" x14ac:dyDescent="0.15">
      <c r="A126" s="3">
        <v>2011414219</v>
      </c>
      <c r="B126" s="4" t="s">
        <v>6300</v>
      </c>
      <c r="C126" s="3" t="s">
        <v>6301</v>
      </c>
    </row>
    <row r="127" spans="1:3" ht="27" x14ac:dyDescent="0.15">
      <c r="A127" s="3">
        <v>2011414258</v>
      </c>
      <c r="B127" s="4" t="s">
        <v>6353</v>
      </c>
      <c r="C127" s="3" t="s">
        <v>6354</v>
      </c>
    </row>
    <row r="128" spans="1:3" ht="27" x14ac:dyDescent="0.15">
      <c r="A128" s="3">
        <v>2008400398</v>
      </c>
      <c r="B128" s="4" t="s">
        <v>478</v>
      </c>
      <c r="C128" s="3" t="s">
        <v>479</v>
      </c>
    </row>
    <row r="129" spans="1:3" ht="27" x14ac:dyDescent="0.15">
      <c r="A129" s="3">
        <v>2011413665</v>
      </c>
      <c r="B129" s="4" t="s">
        <v>5530</v>
      </c>
      <c r="C129" s="3" t="s">
        <v>5531</v>
      </c>
    </row>
    <row r="130" spans="1:3" ht="40.5" x14ac:dyDescent="0.15">
      <c r="A130" s="3">
        <v>2008400395</v>
      </c>
      <c r="B130" s="4" t="s">
        <v>474</v>
      </c>
      <c r="C130" s="3" t="s">
        <v>475</v>
      </c>
    </row>
    <row r="131" spans="1:3" ht="40.5" x14ac:dyDescent="0.15">
      <c r="A131" s="3">
        <v>2011411858</v>
      </c>
      <c r="B131" s="4" t="s">
        <v>3323</v>
      </c>
      <c r="C131" s="3" t="s">
        <v>3324</v>
      </c>
    </row>
    <row r="132" spans="1:3" ht="27" x14ac:dyDescent="0.15">
      <c r="A132" s="3">
        <v>2011411059</v>
      </c>
      <c r="B132" s="4" t="s">
        <v>2359</v>
      </c>
      <c r="C132" s="3" t="s">
        <v>2360</v>
      </c>
    </row>
    <row r="133" spans="1:3" ht="27" x14ac:dyDescent="0.15">
      <c r="A133" s="3">
        <v>2011412242</v>
      </c>
      <c r="B133" s="4" t="s">
        <v>3772</v>
      </c>
      <c r="C133" s="3" t="s">
        <v>3773</v>
      </c>
    </row>
    <row r="134" spans="1:3" x14ac:dyDescent="0.15">
      <c r="A134" s="3">
        <v>2011413943</v>
      </c>
      <c r="B134" s="4" t="s">
        <v>5917</v>
      </c>
      <c r="C134" s="3" t="s">
        <v>5918</v>
      </c>
    </row>
    <row r="135" spans="1:3" ht="40.5" x14ac:dyDescent="0.15">
      <c r="A135" s="3">
        <v>2011414098</v>
      </c>
      <c r="B135" s="4" t="s">
        <v>6121</v>
      </c>
      <c r="C135" s="3" t="s">
        <v>6122</v>
      </c>
    </row>
    <row r="136" spans="1:3" ht="27" x14ac:dyDescent="0.15">
      <c r="A136" s="3">
        <v>2011410714</v>
      </c>
      <c r="B136" s="4" t="s">
        <v>1995</v>
      </c>
      <c r="C136" s="3" t="s">
        <v>1996</v>
      </c>
    </row>
    <row r="137" spans="1:3" ht="27" x14ac:dyDescent="0.15">
      <c r="A137" s="3">
        <v>2011413589</v>
      </c>
      <c r="B137" s="4" t="s">
        <v>5448</v>
      </c>
      <c r="C137" s="3" t="s">
        <v>5449</v>
      </c>
    </row>
    <row r="138" spans="1:3" ht="40.5" x14ac:dyDescent="0.15">
      <c r="A138" s="3">
        <v>2011414349</v>
      </c>
      <c r="B138" s="4" t="s">
        <v>6466</v>
      </c>
      <c r="C138" s="3" t="s">
        <v>6467</v>
      </c>
    </row>
    <row r="139" spans="1:3" ht="27" x14ac:dyDescent="0.15">
      <c r="A139" s="3">
        <v>2011414452</v>
      </c>
      <c r="B139" s="4" t="s">
        <v>6600</v>
      </c>
      <c r="C139" s="3" t="s">
        <v>6601</v>
      </c>
    </row>
    <row r="140" spans="1:3" ht="27" x14ac:dyDescent="0.15">
      <c r="A140" s="3">
        <v>2011414451</v>
      </c>
      <c r="B140" s="4" t="s">
        <v>6598</v>
      </c>
      <c r="C140" s="3" t="s">
        <v>6599</v>
      </c>
    </row>
    <row r="141" spans="1:3" ht="27" x14ac:dyDescent="0.15">
      <c r="A141" s="3">
        <v>2011412147</v>
      </c>
      <c r="B141" s="4" t="s">
        <v>3670</v>
      </c>
      <c r="C141" s="3" t="s">
        <v>3671</v>
      </c>
    </row>
    <row r="142" spans="1:3" ht="27" x14ac:dyDescent="0.15">
      <c r="A142" s="3">
        <v>2008400890</v>
      </c>
      <c r="B142" s="4" t="s">
        <v>1037</v>
      </c>
      <c r="C142" s="3" t="s">
        <v>1038</v>
      </c>
    </row>
    <row r="143" spans="1:3" x14ac:dyDescent="0.15">
      <c r="A143" s="3">
        <v>2011413195</v>
      </c>
      <c r="B143" s="4" t="s">
        <v>4984</v>
      </c>
      <c r="C143" s="3" t="s">
        <v>4985</v>
      </c>
    </row>
    <row r="144" spans="1:3" x14ac:dyDescent="0.15">
      <c r="A144" s="3">
        <v>2011411930</v>
      </c>
      <c r="B144" s="4" t="s">
        <v>3418</v>
      </c>
      <c r="C144" s="3" t="s">
        <v>3419</v>
      </c>
    </row>
    <row r="145" spans="1:3" ht="27" x14ac:dyDescent="0.15">
      <c r="A145" s="3">
        <v>2011414106</v>
      </c>
      <c r="B145" s="4" t="s">
        <v>6135</v>
      </c>
      <c r="C145" s="3" t="s">
        <v>6136</v>
      </c>
    </row>
    <row r="146" spans="1:3" ht="40.5" x14ac:dyDescent="0.15">
      <c r="A146" s="3">
        <v>2011413752</v>
      </c>
      <c r="B146" s="4" t="s">
        <v>5632</v>
      </c>
      <c r="C146" s="3" t="s">
        <v>5633</v>
      </c>
    </row>
    <row r="147" spans="1:3" x14ac:dyDescent="0.15">
      <c r="A147" s="3">
        <v>2011413754</v>
      </c>
      <c r="B147" s="4" t="s">
        <v>5636</v>
      </c>
      <c r="C147" s="3" t="s">
        <v>5637</v>
      </c>
    </row>
    <row r="148" spans="1:3" ht="54" x14ac:dyDescent="0.15">
      <c r="A148" s="3">
        <v>2011411185</v>
      </c>
      <c r="B148" s="4" t="s">
        <v>2519</v>
      </c>
      <c r="C148" s="3" t="s">
        <v>2520</v>
      </c>
    </row>
    <row r="149" spans="1:3" ht="27" x14ac:dyDescent="0.15">
      <c r="A149" s="3">
        <v>2011411327</v>
      </c>
      <c r="B149" s="4" t="s">
        <v>2699</v>
      </c>
      <c r="C149" s="3" t="s">
        <v>2700</v>
      </c>
    </row>
    <row r="150" spans="1:3" ht="27" x14ac:dyDescent="0.15">
      <c r="A150" s="3">
        <v>2011412830</v>
      </c>
      <c r="B150" s="4" t="s">
        <v>4495</v>
      </c>
      <c r="C150" s="3" t="s">
        <v>4496</v>
      </c>
    </row>
    <row r="151" spans="1:3" ht="27" x14ac:dyDescent="0.15">
      <c r="A151" s="3">
        <v>2011414539</v>
      </c>
      <c r="B151" s="4" t="s">
        <v>6729</v>
      </c>
      <c r="C151" s="3" t="s">
        <v>6730</v>
      </c>
    </row>
    <row r="152" spans="1:3" ht="27" x14ac:dyDescent="0.15">
      <c r="A152" s="3">
        <v>2011414326</v>
      </c>
      <c r="B152" s="4" t="s">
        <v>6443</v>
      </c>
      <c r="C152" s="3" t="s">
        <v>6444</v>
      </c>
    </row>
    <row r="153" spans="1:3" ht="27" x14ac:dyDescent="0.15">
      <c r="A153" s="3">
        <v>2011410645</v>
      </c>
      <c r="B153" s="4" t="s">
        <v>1900</v>
      </c>
      <c r="C153" s="3" t="s">
        <v>1901</v>
      </c>
    </row>
    <row r="154" spans="1:3" ht="27" x14ac:dyDescent="0.15">
      <c r="A154" s="3">
        <v>2011413894</v>
      </c>
      <c r="B154" s="4" t="s">
        <v>5853</v>
      </c>
      <c r="C154" s="3" t="s">
        <v>5854</v>
      </c>
    </row>
    <row r="155" spans="1:3" ht="27" x14ac:dyDescent="0.15">
      <c r="A155" s="3">
        <v>2011414158</v>
      </c>
      <c r="B155" s="4" t="s">
        <v>6206</v>
      </c>
      <c r="C155" s="3" t="s">
        <v>6207</v>
      </c>
    </row>
    <row r="156" spans="1:3" x14ac:dyDescent="0.15">
      <c r="A156" s="3">
        <v>2011413227</v>
      </c>
      <c r="B156" s="4" t="s">
        <v>5035</v>
      </c>
      <c r="C156" s="3" t="s">
        <v>5036</v>
      </c>
    </row>
    <row r="157" spans="1:3" ht="40.5" x14ac:dyDescent="0.15">
      <c r="A157" s="3">
        <v>2011412938</v>
      </c>
      <c r="B157" s="4" t="s">
        <v>4629</v>
      </c>
      <c r="C157" s="3" t="s">
        <v>4630</v>
      </c>
    </row>
    <row r="158" spans="1:3" ht="40.5" x14ac:dyDescent="0.15">
      <c r="A158" s="3">
        <v>2011412939</v>
      </c>
      <c r="B158" s="4" t="s">
        <v>4629</v>
      </c>
      <c r="C158" s="3" t="s">
        <v>4630</v>
      </c>
    </row>
    <row r="159" spans="1:3" ht="27" x14ac:dyDescent="0.15">
      <c r="A159" s="3">
        <v>2011410078</v>
      </c>
      <c r="B159" s="4" t="s">
        <v>1185</v>
      </c>
      <c r="C159" s="3" t="s">
        <v>1186</v>
      </c>
    </row>
    <row r="160" spans="1:3" ht="40.5" x14ac:dyDescent="0.15">
      <c r="A160" s="3">
        <v>2011411389</v>
      </c>
      <c r="B160" s="4" t="s">
        <v>2779</v>
      </c>
      <c r="C160" s="3" t="s">
        <v>2780</v>
      </c>
    </row>
    <row r="161" spans="1:3" x14ac:dyDescent="0.15">
      <c r="A161" s="3">
        <v>2011414108</v>
      </c>
      <c r="B161" s="4" t="s">
        <v>6139</v>
      </c>
      <c r="C161" s="3" t="s">
        <v>6140</v>
      </c>
    </row>
    <row r="162" spans="1:3" ht="27" x14ac:dyDescent="0.15">
      <c r="A162" s="3">
        <v>2011411403</v>
      </c>
      <c r="B162" s="4" t="s">
        <v>2794</v>
      </c>
      <c r="C162" s="3" t="s">
        <v>2795</v>
      </c>
    </row>
    <row r="163" spans="1:3" ht="27" x14ac:dyDescent="0.15">
      <c r="A163" s="3">
        <v>2011411559</v>
      </c>
      <c r="B163" s="4" t="s">
        <v>2985</v>
      </c>
      <c r="C163" s="3" t="s">
        <v>2986</v>
      </c>
    </row>
    <row r="164" spans="1:3" x14ac:dyDescent="0.15">
      <c r="A164" s="3">
        <v>2011414115</v>
      </c>
      <c r="B164" s="4" t="s">
        <v>6152</v>
      </c>
      <c r="C164" s="3" t="s">
        <v>6153</v>
      </c>
    </row>
    <row r="165" spans="1:3" ht="27" x14ac:dyDescent="0.15">
      <c r="A165" s="3">
        <v>2011411856</v>
      </c>
      <c r="B165" s="4" t="s">
        <v>3319</v>
      </c>
      <c r="C165" s="3" t="s">
        <v>3320</v>
      </c>
    </row>
    <row r="166" spans="1:3" ht="27" x14ac:dyDescent="0.15">
      <c r="A166" s="3">
        <v>2011412985</v>
      </c>
      <c r="B166" s="4" t="s">
        <v>4689</v>
      </c>
      <c r="C166" s="3" t="s">
        <v>4690</v>
      </c>
    </row>
    <row r="167" spans="1:3" ht="27" x14ac:dyDescent="0.15">
      <c r="A167" s="3">
        <v>2011413072</v>
      </c>
      <c r="B167" s="4" t="s">
        <v>4812</v>
      </c>
      <c r="C167" s="3" t="s">
        <v>4813</v>
      </c>
    </row>
    <row r="168" spans="1:3" ht="27" x14ac:dyDescent="0.15">
      <c r="A168" s="3">
        <v>2011413105</v>
      </c>
      <c r="B168" s="4" t="s">
        <v>4860</v>
      </c>
      <c r="C168" s="3" t="s">
        <v>4861</v>
      </c>
    </row>
    <row r="169" spans="1:3" ht="27" x14ac:dyDescent="0.15">
      <c r="A169" s="3">
        <v>2011414515</v>
      </c>
      <c r="B169" s="4" t="s">
        <v>6697</v>
      </c>
      <c r="C169" s="3" t="s">
        <v>6698</v>
      </c>
    </row>
    <row r="170" spans="1:3" ht="27" x14ac:dyDescent="0.15">
      <c r="A170" s="3">
        <v>2011413224</v>
      </c>
      <c r="B170" s="4" t="s">
        <v>5030</v>
      </c>
      <c r="C170" s="3" t="s">
        <v>5031</v>
      </c>
    </row>
    <row r="171" spans="1:3" ht="27" x14ac:dyDescent="0.15">
      <c r="A171" s="3">
        <v>2011414247</v>
      </c>
      <c r="B171" s="4" t="s">
        <v>6334</v>
      </c>
      <c r="C171" s="3" t="s">
        <v>6335</v>
      </c>
    </row>
    <row r="172" spans="1:3" ht="27" x14ac:dyDescent="0.15">
      <c r="A172" s="3">
        <v>2011413545</v>
      </c>
      <c r="B172" s="4" t="s">
        <v>5389</v>
      </c>
      <c r="C172" s="3" t="s">
        <v>5390</v>
      </c>
    </row>
    <row r="173" spans="1:3" ht="27" x14ac:dyDescent="0.15">
      <c r="A173" s="3">
        <v>2011413546</v>
      </c>
      <c r="B173" s="4" t="s">
        <v>5391</v>
      </c>
      <c r="C173" s="3" t="s">
        <v>5390</v>
      </c>
    </row>
    <row r="174" spans="1:3" ht="27" x14ac:dyDescent="0.15">
      <c r="A174" s="3">
        <v>2011414156</v>
      </c>
      <c r="B174" s="4" t="s">
        <v>6202</v>
      </c>
      <c r="C174" s="3" t="s">
        <v>6203</v>
      </c>
    </row>
    <row r="175" spans="1:3" x14ac:dyDescent="0.15">
      <c r="A175" s="3">
        <v>2011414105</v>
      </c>
      <c r="B175" s="4" t="s">
        <v>6133</v>
      </c>
      <c r="C175" s="3" t="s">
        <v>6134</v>
      </c>
    </row>
    <row r="176" spans="1:3" ht="27" x14ac:dyDescent="0.15">
      <c r="A176" s="3">
        <v>2011414110</v>
      </c>
      <c r="B176" s="4" t="s">
        <v>6142</v>
      </c>
      <c r="C176" s="3" t="s">
        <v>6143</v>
      </c>
    </row>
    <row r="177" spans="1:3" ht="27" x14ac:dyDescent="0.15">
      <c r="A177" s="3">
        <v>2011414091</v>
      </c>
      <c r="B177" s="4" t="s">
        <v>6108</v>
      </c>
      <c r="C177" s="3" t="s">
        <v>6109</v>
      </c>
    </row>
    <row r="178" spans="1:3" ht="27" x14ac:dyDescent="0.15">
      <c r="A178" s="3">
        <v>2011414190</v>
      </c>
      <c r="B178" s="4" t="s">
        <v>6255</v>
      </c>
      <c r="C178" s="3" t="s">
        <v>6256</v>
      </c>
    </row>
    <row r="179" spans="1:3" ht="27" x14ac:dyDescent="0.15">
      <c r="A179" s="3">
        <v>2011414519</v>
      </c>
      <c r="B179" s="4" t="s">
        <v>6703</v>
      </c>
      <c r="C179" s="3" t="s">
        <v>6704</v>
      </c>
    </row>
    <row r="180" spans="1:3" x14ac:dyDescent="0.15">
      <c r="A180" s="3">
        <v>2011413223</v>
      </c>
      <c r="B180" s="4" t="s">
        <v>5028</v>
      </c>
      <c r="C180" s="3" t="s">
        <v>5029</v>
      </c>
    </row>
    <row r="181" spans="1:3" x14ac:dyDescent="0.15">
      <c r="A181" s="3">
        <v>2011414112</v>
      </c>
      <c r="B181" s="4" t="s">
        <v>6146</v>
      </c>
      <c r="C181" s="3" t="s">
        <v>6147</v>
      </c>
    </row>
    <row r="182" spans="1:3" ht="27" x14ac:dyDescent="0.15">
      <c r="A182" s="3">
        <v>2011411863</v>
      </c>
      <c r="B182" s="4" t="s">
        <v>3331</v>
      </c>
      <c r="C182" s="3" t="s">
        <v>3332</v>
      </c>
    </row>
    <row r="183" spans="1:3" x14ac:dyDescent="0.15">
      <c r="A183" s="3">
        <v>2011414083</v>
      </c>
      <c r="B183" s="4" t="s">
        <v>6094</v>
      </c>
      <c r="C183" s="3" t="s">
        <v>6095</v>
      </c>
    </row>
    <row r="184" spans="1:3" ht="27" x14ac:dyDescent="0.15">
      <c r="A184" s="3">
        <v>2011410423</v>
      </c>
      <c r="B184" s="4" t="s">
        <v>1615</v>
      </c>
      <c r="C184" s="3" t="s">
        <v>1616</v>
      </c>
    </row>
    <row r="185" spans="1:3" ht="27" x14ac:dyDescent="0.15">
      <c r="A185" s="3">
        <v>2011412276</v>
      </c>
      <c r="B185" s="4" t="s">
        <v>3811</v>
      </c>
      <c r="C185" s="3" t="s">
        <v>3812</v>
      </c>
    </row>
    <row r="186" spans="1:3" ht="27" x14ac:dyDescent="0.15">
      <c r="A186" s="3">
        <v>2011410652</v>
      </c>
      <c r="B186" s="4" t="s">
        <v>1910</v>
      </c>
      <c r="C186" s="3" t="s">
        <v>1911</v>
      </c>
    </row>
    <row r="187" spans="1:3" x14ac:dyDescent="0.15">
      <c r="A187" s="3">
        <v>2011414161</v>
      </c>
      <c r="B187" s="4" t="s">
        <v>6212</v>
      </c>
      <c r="C187" s="3" t="s">
        <v>6213</v>
      </c>
    </row>
    <row r="188" spans="1:3" ht="40.5" x14ac:dyDescent="0.15">
      <c r="A188" s="3">
        <v>2011410077</v>
      </c>
      <c r="B188" s="4" t="s">
        <v>1183</v>
      </c>
      <c r="C188" s="3" t="s">
        <v>1184</v>
      </c>
    </row>
    <row r="189" spans="1:3" ht="27" x14ac:dyDescent="0.15">
      <c r="A189" s="3">
        <v>2011410941</v>
      </c>
      <c r="B189" s="4" t="s">
        <v>2241</v>
      </c>
      <c r="C189" s="3" t="s">
        <v>2242</v>
      </c>
    </row>
    <row r="190" spans="1:3" ht="27" x14ac:dyDescent="0.15">
      <c r="A190" s="3">
        <v>2011410942</v>
      </c>
      <c r="B190" s="4" t="s">
        <v>2241</v>
      </c>
      <c r="C190" s="3" t="s">
        <v>2242</v>
      </c>
    </row>
    <row r="191" spans="1:3" x14ac:dyDescent="0.15">
      <c r="A191" s="3">
        <v>2011412445</v>
      </c>
      <c r="B191" s="4" t="s">
        <v>4028</v>
      </c>
      <c r="C191" s="3" t="s">
        <v>4029</v>
      </c>
    </row>
    <row r="192" spans="1:3" x14ac:dyDescent="0.15">
      <c r="A192" s="3">
        <v>2011410918</v>
      </c>
      <c r="B192" s="4" t="s">
        <v>2211</v>
      </c>
      <c r="C192" s="3" t="s">
        <v>2212</v>
      </c>
    </row>
    <row r="193" spans="1:3" x14ac:dyDescent="0.15">
      <c r="A193" s="3">
        <v>2011412234</v>
      </c>
      <c r="B193" s="4" t="s">
        <v>3761</v>
      </c>
      <c r="C193" s="3" t="s">
        <v>3762</v>
      </c>
    </row>
    <row r="194" spans="1:3" ht="27" x14ac:dyDescent="0.15">
      <c r="A194" s="3">
        <v>2011414163</v>
      </c>
      <c r="B194" s="4" t="s">
        <v>6215</v>
      </c>
      <c r="C194" s="3" t="s">
        <v>6216</v>
      </c>
    </row>
    <row r="195" spans="1:3" ht="27" x14ac:dyDescent="0.15">
      <c r="A195" s="3">
        <v>2011413394</v>
      </c>
      <c r="B195" s="4" t="s">
        <v>5190</v>
      </c>
      <c r="C195" s="3" t="s">
        <v>5191</v>
      </c>
    </row>
    <row r="196" spans="1:3" ht="27" x14ac:dyDescent="0.15">
      <c r="A196" s="3">
        <v>2011413796</v>
      </c>
      <c r="B196" s="4" t="s">
        <v>5702</v>
      </c>
      <c r="C196" s="3" t="s">
        <v>5703</v>
      </c>
    </row>
    <row r="197" spans="1:3" ht="27" x14ac:dyDescent="0.15">
      <c r="A197" s="3">
        <v>2011413797</v>
      </c>
      <c r="B197" s="4" t="s">
        <v>5704</v>
      </c>
      <c r="C197" s="3" t="s">
        <v>5705</v>
      </c>
    </row>
    <row r="198" spans="1:3" ht="27" x14ac:dyDescent="0.15">
      <c r="A198" s="3">
        <v>2011411807</v>
      </c>
      <c r="B198" s="4" t="s">
        <v>3256</v>
      </c>
      <c r="C198" s="3" t="s">
        <v>3257</v>
      </c>
    </row>
    <row r="199" spans="1:3" ht="27" x14ac:dyDescent="0.15">
      <c r="A199" s="3">
        <v>2011411179</v>
      </c>
      <c r="B199" s="4" t="s">
        <v>2512</v>
      </c>
      <c r="C199" s="3" t="s">
        <v>2513</v>
      </c>
    </row>
    <row r="200" spans="1:3" ht="27" x14ac:dyDescent="0.15">
      <c r="A200" s="3">
        <v>2011411180</v>
      </c>
      <c r="B200" s="4" t="s">
        <v>2512</v>
      </c>
      <c r="C200" s="3" t="s">
        <v>2513</v>
      </c>
    </row>
    <row r="201" spans="1:3" x14ac:dyDescent="0.15">
      <c r="A201" s="3">
        <v>2011411069</v>
      </c>
      <c r="B201" s="4" t="s">
        <v>2374</v>
      </c>
      <c r="C201" s="3" t="s">
        <v>2375</v>
      </c>
    </row>
    <row r="202" spans="1:3" x14ac:dyDescent="0.15">
      <c r="A202" s="3">
        <v>2011410901</v>
      </c>
      <c r="B202" s="4" t="s">
        <v>2188</v>
      </c>
      <c r="C202" s="3" t="s">
        <v>2189</v>
      </c>
    </row>
    <row r="203" spans="1:3" ht="27" x14ac:dyDescent="0.15">
      <c r="A203" s="3">
        <v>2011414502</v>
      </c>
      <c r="B203" s="4" t="s">
        <v>6678</v>
      </c>
      <c r="C203" s="3" t="s">
        <v>2189</v>
      </c>
    </row>
    <row r="204" spans="1:3" x14ac:dyDescent="0.15">
      <c r="A204" s="3">
        <v>2011411379</v>
      </c>
      <c r="B204" s="4" t="s">
        <v>2766</v>
      </c>
      <c r="C204" s="3" t="s">
        <v>2767</v>
      </c>
    </row>
    <row r="205" spans="1:3" ht="27" x14ac:dyDescent="0.15">
      <c r="A205" s="3">
        <v>2011414524</v>
      </c>
      <c r="B205" s="4" t="s">
        <v>6709</v>
      </c>
      <c r="C205" s="3" t="s">
        <v>6710</v>
      </c>
    </row>
    <row r="206" spans="1:3" ht="40.5" x14ac:dyDescent="0.15">
      <c r="A206" s="3">
        <v>2011414513</v>
      </c>
      <c r="B206" s="4" t="s">
        <v>6693</v>
      </c>
      <c r="C206" s="3" t="s">
        <v>6694</v>
      </c>
    </row>
    <row r="207" spans="1:3" ht="27" x14ac:dyDescent="0.15">
      <c r="A207" s="3">
        <v>2011411875</v>
      </c>
      <c r="B207" s="4" t="s">
        <v>3347</v>
      </c>
      <c r="C207" s="3" t="s">
        <v>3348</v>
      </c>
    </row>
    <row r="208" spans="1:3" ht="27" x14ac:dyDescent="0.15">
      <c r="A208" s="3">
        <v>2011412067</v>
      </c>
      <c r="B208" s="4" t="s">
        <v>3578</v>
      </c>
      <c r="C208" s="3" t="s">
        <v>3579</v>
      </c>
    </row>
    <row r="209" spans="1:3" ht="27" x14ac:dyDescent="0.15">
      <c r="A209" s="3">
        <v>2011414514</v>
      </c>
      <c r="B209" s="4" t="s">
        <v>6695</v>
      </c>
      <c r="C209" s="3" t="s">
        <v>6696</v>
      </c>
    </row>
    <row r="210" spans="1:3" ht="27" x14ac:dyDescent="0.15">
      <c r="A210" s="3">
        <v>2011410046</v>
      </c>
      <c r="B210" s="4" t="s">
        <v>1133</v>
      </c>
      <c r="C210" s="3" t="s">
        <v>1134</v>
      </c>
    </row>
    <row r="211" spans="1:3" ht="27" x14ac:dyDescent="0.15">
      <c r="A211" s="3">
        <v>2011414351</v>
      </c>
      <c r="B211" s="4" t="s">
        <v>6470</v>
      </c>
      <c r="C211" s="3" t="s">
        <v>6471</v>
      </c>
    </row>
    <row r="212" spans="1:3" ht="27" x14ac:dyDescent="0.15">
      <c r="A212" s="3">
        <v>2011414116</v>
      </c>
      <c r="B212" s="4" t="s">
        <v>6154</v>
      </c>
      <c r="C212" s="3" t="s">
        <v>6155</v>
      </c>
    </row>
    <row r="213" spans="1:3" ht="27" x14ac:dyDescent="0.15">
      <c r="A213" s="3">
        <v>2011413614</v>
      </c>
      <c r="B213" s="4" t="s">
        <v>5476</v>
      </c>
      <c r="C213" s="3" t="s">
        <v>5477</v>
      </c>
    </row>
    <row r="214" spans="1:3" x14ac:dyDescent="0.15">
      <c r="A214" s="3">
        <v>2011414516</v>
      </c>
      <c r="B214" s="4" t="s">
        <v>6699</v>
      </c>
      <c r="C214" s="3" t="s">
        <v>6700</v>
      </c>
    </row>
    <row r="215" spans="1:3" x14ac:dyDescent="0.15">
      <c r="A215" s="3">
        <v>2011413631</v>
      </c>
      <c r="B215" s="4" t="s">
        <v>5497</v>
      </c>
      <c r="C215" s="3" t="s">
        <v>5498</v>
      </c>
    </row>
    <row r="216" spans="1:3" x14ac:dyDescent="0.15">
      <c r="A216" s="3">
        <v>2011413893</v>
      </c>
      <c r="B216" s="4" t="s">
        <v>5851</v>
      </c>
      <c r="C216" s="3" t="s">
        <v>5852</v>
      </c>
    </row>
    <row r="217" spans="1:3" ht="27" x14ac:dyDescent="0.15">
      <c r="A217" s="3">
        <v>2011410030</v>
      </c>
      <c r="B217" s="4" t="s">
        <v>1105</v>
      </c>
      <c r="C217" s="3" t="s">
        <v>1106</v>
      </c>
    </row>
    <row r="218" spans="1:3" ht="40.5" x14ac:dyDescent="0.15">
      <c r="A218" s="3">
        <v>2011411630</v>
      </c>
      <c r="B218" s="4" t="s">
        <v>3077</v>
      </c>
      <c r="C218" s="3" t="s">
        <v>3078</v>
      </c>
    </row>
    <row r="219" spans="1:3" ht="27" x14ac:dyDescent="0.15">
      <c r="A219" s="3">
        <v>2011410020</v>
      </c>
      <c r="B219" s="4" t="s">
        <v>1089</v>
      </c>
      <c r="C219" s="3" t="s">
        <v>1090</v>
      </c>
    </row>
    <row r="220" spans="1:3" ht="27" x14ac:dyDescent="0.15">
      <c r="A220" s="3">
        <v>2011411531</v>
      </c>
      <c r="B220" s="4" t="s">
        <v>2955</v>
      </c>
      <c r="C220" s="3" t="s">
        <v>2956</v>
      </c>
    </row>
    <row r="221" spans="1:3" ht="27" x14ac:dyDescent="0.15">
      <c r="A221" s="3">
        <v>2011410084</v>
      </c>
      <c r="B221" s="4" t="s">
        <v>1197</v>
      </c>
      <c r="C221" s="3" t="s">
        <v>1198</v>
      </c>
    </row>
    <row r="222" spans="1:3" x14ac:dyDescent="0.15">
      <c r="A222" s="3">
        <v>2011410646</v>
      </c>
      <c r="B222" s="4" t="s">
        <v>1902</v>
      </c>
      <c r="C222" s="3" t="s">
        <v>1903</v>
      </c>
    </row>
    <row r="223" spans="1:3" ht="40.5" x14ac:dyDescent="0.15">
      <c r="A223" s="3">
        <v>2011411115</v>
      </c>
      <c r="B223" s="4" t="s">
        <v>2437</v>
      </c>
      <c r="C223" s="3" t="s">
        <v>2438</v>
      </c>
    </row>
    <row r="224" spans="1:3" x14ac:dyDescent="0.15">
      <c r="A224" s="3">
        <v>2011413878</v>
      </c>
      <c r="B224" s="4" t="s">
        <v>5828</v>
      </c>
      <c r="C224" s="3" t="s">
        <v>5829</v>
      </c>
    </row>
    <row r="225" spans="1:3" ht="27" x14ac:dyDescent="0.15">
      <c r="A225" s="3">
        <v>2011414297</v>
      </c>
      <c r="B225" s="4" t="s">
        <v>6415</v>
      </c>
      <c r="C225" s="3" t="s">
        <v>6416</v>
      </c>
    </row>
    <row r="226" spans="1:3" ht="27" x14ac:dyDescent="0.15">
      <c r="A226" s="3">
        <v>2008400496</v>
      </c>
      <c r="B226" s="4" t="s">
        <v>592</v>
      </c>
      <c r="C226" s="3" t="s">
        <v>593</v>
      </c>
    </row>
    <row r="227" spans="1:3" x14ac:dyDescent="0.15">
      <c r="A227" s="3">
        <v>2011414107</v>
      </c>
      <c r="B227" s="4" t="s">
        <v>6137</v>
      </c>
      <c r="C227" s="3" t="s">
        <v>6138</v>
      </c>
    </row>
    <row r="228" spans="1:3" ht="27" x14ac:dyDescent="0.15">
      <c r="A228" s="3">
        <v>2011414246</v>
      </c>
      <c r="B228" s="4" t="s">
        <v>6332</v>
      </c>
      <c r="C228" s="3" t="s">
        <v>6333</v>
      </c>
    </row>
    <row r="229" spans="1:3" x14ac:dyDescent="0.15">
      <c r="A229" s="3">
        <v>2011413552</v>
      </c>
      <c r="B229" s="4" t="s">
        <v>5402</v>
      </c>
      <c r="C229" s="3" t="s">
        <v>5403</v>
      </c>
    </row>
    <row r="230" spans="1:3" x14ac:dyDescent="0.15">
      <c r="A230" s="3">
        <v>2011414111</v>
      </c>
      <c r="B230" s="4" t="s">
        <v>6144</v>
      </c>
      <c r="C230" s="3" t="s">
        <v>6145</v>
      </c>
    </row>
    <row r="231" spans="1:3" ht="27" x14ac:dyDescent="0.15">
      <c r="A231" s="3">
        <v>2011412261</v>
      </c>
      <c r="B231" s="4" t="s">
        <v>3794</v>
      </c>
      <c r="C231" s="3" t="s">
        <v>3795</v>
      </c>
    </row>
    <row r="232" spans="1:3" ht="27" x14ac:dyDescent="0.15">
      <c r="A232" s="3">
        <v>2011412347</v>
      </c>
      <c r="B232" s="4" t="s">
        <v>3882</v>
      </c>
      <c r="C232" s="3" t="s">
        <v>3883</v>
      </c>
    </row>
    <row r="233" spans="1:3" ht="27" x14ac:dyDescent="0.15">
      <c r="A233" s="3">
        <v>2011414104</v>
      </c>
      <c r="B233" s="4" t="s">
        <v>6132</v>
      </c>
      <c r="C233" s="3" t="s">
        <v>3883</v>
      </c>
    </row>
    <row r="234" spans="1:3" ht="27" x14ac:dyDescent="0.15">
      <c r="A234" s="3">
        <v>2011414109</v>
      </c>
      <c r="B234" s="4" t="s">
        <v>6141</v>
      </c>
      <c r="C234" s="3" t="s">
        <v>3883</v>
      </c>
    </row>
    <row r="235" spans="1:3" ht="27" x14ac:dyDescent="0.15">
      <c r="A235" s="3">
        <v>2011412414</v>
      </c>
      <c r="B235" s="4" t="s">
        <v>3975</v>
      </c>
      <c r="C235" s="3" t="s">
        <v>3976</v>
      </c>
    </row>
    <row r="236" spans="1:3" ht="27" x14ac:dyDescent="0.15">
      <c r="A236" s="3">
        <v>2011414232</v>
      </c>
      <c r="B236" s="4" t="s">
        <v>6319</v>
      </c>
      <c r="C236" s="3" t="s">
        <v>6320</v>
      </c>
    </row>
    <row r="237" spans="1:3" ht="27" x14ac:dyDescent="0.15">
      <c r="A237" s="3">
        <v>2011414233</v>
      </c>
      <c r="B237" s="4" t="s">
        <v>6319</v>
      </c>
      <c r="C237" s="3" t="s">
        <v>6321</v>
      </c>
    </row>
    <row r="238" spans="1:3" ht="27" x14ac:dyDescent="0.15">
      <c r="A238" s="3">
        <v>2011414234</v>
      </c>
      <c r="B238" s="4" t="s">
        <v>6319</v>
      </c>
      <c r="C238" s="3" t="s">
        <v>6321</v>
      </c>
    </row>
    <row r="239" spans="1:3" ht="27" x14ac:dyDescent="0.15">
      <c r="A239" s="3">
        <v>2011414235</v>
      </c>
      <c r="B239" s="4" t="s">
        <v>6319</v>
      </c>
      <c r="C239" s="3" t="s">
        <v>6322</v>
      </c>
    </row>
    <row r="240" spans="1:3" ht="27" x14ac:dyDescent="0.15">
      <c r="A240" s="3">
        <v>2011414236</v>
      </c>
      <c r="B240" s="4" t="s">
        <v>6319</v>
      </c>
      <c r="C240" s="3" t="s">
        <v>6323</v>
      </c>
    </row>
    <row r="241" spans="1:3" ht="27" x14ac:dyDescent="0.15">
      <c r="A241" s="3">
        <v>2011414237</v>
      </c>
      <c r="B241" s="4" t="s">
        <v>6319</v>
      </c>
      <c r="C241" s="3" t="s">
        <v>6323</v>
      </c>
    </row>
    <row r="242" spans="1:3" ht="27" x14ac:dyDescent="0.15">
      <c r="A242" s="3">
        <v>2011414238</v>
      </c>
      <c r="B242" s="4" t="s">
        <v>6319</v>
      </c>
      <c r="C242" s="3" t="s">
        <v>6324</v>
      </c>
    </row>
    <row r="243" spans="1:3" ht="27" x14ac:dyDescent="0.15">
      <c r="A243" s="3">
        <v>2011414239</v>
      </c>
      <c r="B243" s="4" t="s">
        <v>6319</v>
      </c>
      <c r="C243" s="3" t="s">
        <v>6325</v>
      </c>
    </row>
    <row r="244" spans="1:3" ht="27" x14ac:dyDescent="0.15">
      <c r="A244" s="3">
        <v>2011414240</v>
      </c>
      <c r="B244" s="4" t="s">
        <v>6319</v>
      </c>
      <c r="C244" s="3" t="s">
        <v>6325</v>
      </c>
    </row>
    <row r="245" spans="1:3" ht="27" x14ac:dyDescent="0.15">
      <c r="A245" s="3">
        <v>2011414241</v>
      </c>
      <c r="B245" s="4" t="s">
        <v>6319</v>
      </c>
      <c r="C245" s="3" t="s">
        <v>6326</v>
      </c>
    </row>
    <row r="246" spans="1:3" ht="27" x14ac:dyDescent="0.15">
      <c r="A246" s="3">
        <v>2011414242</v>
      </c>
      <c r="B246" s="4" t="s">
        <v>6319</v>
      </c>
      <c r="C246" s="3" t="s">
        <v>6327</v>
      </c>
    </row>
    <row r="247" spans="1:3" ht="27" x14ac:dyDescent="0.15">
      <c r="A247" s="3">
        <v>2011414243</v>
      </c>
      <c r="B247" s="4" t="s">
        <v>6319</v>
      </c>
      <c r="C247" s="3" t="s">
        <v>6328</v>
      </c>
    </row>
    <row r="248" spans="1:3" ht="27" x14ac:dyDescent="0.15">
      <c r="A248" s="3">
        <v>2011412890</v>
      </c>
      <c r="B248" s="4" t="s">
        <v>4564</v>
      </c>
      <c r="C248" s="3" t="s">
        <v>4565</v>
      </c>
    </row>
    <row r="249" spans="1:3" ht="27" x14ac:dyDescent="0.15">
      <c r="A249" s="3">
        <v>2011414244</v>
      </c>
      <c r="B249" s="4" t="s">
        <v>6329</v>
      </c>
      <c r="C249" s="3" t="s">
        <v>6330</v>
      </c>
    </row>
    <row r="250" spans="1:3" ht="27" x14ac:dyDescent="0.15">
      <c r="A250" s="3">
        <v>2011414245</v>
      </c>
      <c r="B250" s="4" t="s">
        <v>6329</v>
      </c>
      <c r="C250" s="3" t="s">
        <v>6331</v>
      </c>
    </row>
    <row r="251" spans="1:3" ht="27" x14ac:dyDescent="0.15">
      <c r="A251" s="3">
        <v>2011413101</v>
      </c>
      <c r="B251" s="4" t="s">
        <v>4854</v>
      </c>
      <c r="C251" s="3" t="s">
        <v>4855</v>
      </c>
    </row>
    <row r="252" spans="1:3" ht="27" x14ac:dyDescent="0.15">
      <c r="A252" s="3">
        <v>2011413102</v>
      </c>
      <c r="B252" s="4" t="s">
        <v>4856</v>
      </c>
      <c r="C252" s="3" t="s">
        <v>4855</v>
      </c>
    </row>
    <row r="253" spans="1:3" ht="40.5" x14ac:dyDescent="0.15">
      <c r="A253" s="3">
        <v>2011414225</v>
      </c>
      <c r="B253" s="4" t="s">
        <v>6309</v>
      </c>
      <c r="C253" s="3" t="s">
        <v>6310</v>
      </c>
    </row>
    <row r="254" spans="1:3" ht="27" x14ac:dyDescent="0.15">
      <c r="A254" s="3">
        <v>2011413557</v>
      </c>
      <c r="B254" s="4" t="s">
        <v>5409</v>
      </c>
      <c r="C254" s="3" t="s">
        <v>5410</v>
      </c>
    </row>
    <row r="255" spans="1:3" ht="27" x14ac:dyDescent="0.15">
      <c r="A255" s="3">
        <v>2011414214</v>
      </c>
      <c r="B255" s="4" t="s">
        <v>6293</v>
      </c>
      <c r="C255" s="3" t="s">
        <v>6294</v>
      </c>
    </row>
    <row r="256" spans="1:3" ht="27" x14ac:dyDescent="0.15">
      <c r="A256" s="3">
        <v>2011413628</v>
      </c>
      <c r="B256" s="4" t="s">
        <v>5493</v>
      </c>
      <c r="C256" s="3" t="s">
        <v>5494</v>
      </c>
    </row>
    <row r="257" spans="1:3" ht="27" x14ac:dyDescent="0.15">
      <c r="A257" s="3">
        <v>2011413629</v>
      </c>
      <c r="B257" s="4" t="s">
        <v>5495</v>
      </c>
      <c r="C257" s="3" t="s">
        <v>5494</v>
      </c>
    </row>
    <row r="258" spans="1:3" ht="40.5" x14ac:dyDescent="0.15">
      <c r="A258" s="3">
        <v>2011414212</v>
      </c>
      <c r="B258" s="4" t="s">
        <v>6291</v>
      </c>
      <c r="C258" s="3" t="s">
        <v>6292</v>
      </c>
    </row>
    <row r="259" spans="1:3" ht="40.5" x14ac:dyDescent="0.15">
      <c r="A259" s="3">
        <v>2011414213</v>
      </c>
      <c r="B259" s="4" t="s">
        <v>6291</v>
      </c>
      <c r="C259" s="3" t="s">
        <v>6292</v>
      </c>
    </row>
    <row r="260" spans="1:3" ht="27" x14ac:dyDescent="0.15">
      <c r="A260" s="3">
        <v>2011413231</v>
      </c>
      <c r="B260" s="4" t="s">
        <v>5041</v>
      </c>
      <c r="C260" s="3" t="s">
        <v>5042</v>
      </c>
    </row>
    <row r="261" spans="1:3" x14ac:dyDescent="0.15">
      <c r="A261" s="3">
        <v>2011413681</v>
      </c>
      <c r="B261" s="4" t="s">
        <v>5549</v>
      </c>
      <c r="C261" s="3" t="s">
        <v>5042</v>
      </c>
    </row>
    <row r="262" spans="1:3" ht="27" x14ac:dyDescent="0.15">
      <c r="A262" s="3">
        <v>2011413809</v>
      </c>
      <c r="B262" s="4" t="s">
        <v>5721</v>
      </c>
      <c r="C262" s="3" t="s">
        <v>5722</v>
      </c>
    </row>
    <row r="263" spans="1:3" ht="40.5" x14ac:dyDescent="0.15">
      <c r="A263" s="3">
        <v>2011414208</v>
      </c>
      <c r="B263" s="4" t="s">
        <v>6283</v>
      </c>
      <c r="C263" s="3" t="s">
        <v>6284</v>
      </c>
    </row>
    <row r="264" spans="1:3" ht="27" x14ac:dyDescent="0.15">
      <c r="A264" s="3">
        <v>2011414231</v>
      </c>
      <c r="B264" s="4" t="s">
        <v>6317</v>
      </c>
      <c r="C264" s="3" t="s">
        <v>6318</v>
      </c>
    </row>
    <row r="265" spans="1:3" x14ac:dyDescent="0.15">
      <c r="A265" s="3">
        <v>2011410660</v>
      </c>
      <c r="B265" s="4" t="s">
        <v>1921</v>
      </c>
      <c r="C265" s="3" t="s">
        <v>1922</v>
      </c>
    </row>
    <row r="266" spans="1:3" ht="27" x14ac:dyDescent="0.15">
      <c r="A266" s="3">
        <v>2011410553</v>
      </c>
      <c r="B266" s="4" t="s">
        <v>1774</v>
      </c>
      <c r="C266" s="3" t="s">
        <v>1775</v>
      </c>
    </row>
    <row r="267" spans="1:3" ht="54" x14ac:dyDescent="0.15">
      <c r="A267" s="3">
        <v>2011411374</v>
      </c>
      <c r="B267" s="4" t="s">
        <v>2760</v>
      </c>
      <c r="C267" s="3" t="s">
        <v>2761</v>
      </c>
    </row>
    <row r="268" spans="1:3" ht="27" x14ac:dyDescent="0.15">
      <c r="A268" s="3">
        <v>2011411920</v>
      </c>
      <c r="B268" s="4" t="s">
        <v>3404</v>
      </c>
      <c r="C268" s="3" t="s">
        <v>3405</v>
      </c>
    </row>
    <row r="269" spans="1:3" x14ac:dyDescent="0.15">
      <c r="A269" s="3">
        <v>2011410887</v>
      </c>
      <c r="B269" s="4" t="s">
        <v>2170</v>
      </c>
      <c r="C269" s="3" t="s">
        <v>2171</v>
      </c>
    </row>
    <row r="270" spans="1:3" ht="40.5" x14ac:dyDescent="0.15">
      <c r="A270" s="3">
        <v>2008400768</v>
      </c>
      <c r="B270" s="4" t="s">
        <v>890</v>
      </c>
      <c r="C270" s="3" t="s">
        <v>891</v>
      </c>
    </row>
    <row r="271" spans="1:3" ht="40.5" x14ac:dyDescent="0.15">
      <c r="A271" s="3">
        <v>2011411370</v>
      </c>
      <c r="B271" s="4" t="s">
        <v>2756</v>
      </c>
      <c r="C271" s="3" t="s">
        <v>891</v>
      </c>
    </row>
    <row r="272" spans="1:3" ht="40.5" x14ac:dyDescent="0.15">
      <c r="A272" s="3">
        <v>2011411371</v>
      </c>
      <c r="B272" s="4" t="s">
        <v>2756</v>
      </c>
      <c r="C272" s="3" t="s">
        <v>891</v>
      </c>
    </row>
    <row r="273" spans="1:3" ht="27" x14ac:dyDescent="0.15">
      <c r="A273" s="3">
        <v>2011414020</v>
      </c>
      <c r="B273" s="4" t="s">
        <v>6020</v>
      </c>
      <c r="C273" s="3" t="s">
        <v>6021</v>
      </c>
    </row>
    <row r="274" spans="1:3" ht="27" x14ac:dyDescent="0.15">
      <c r="A274" s="3">
        <v>2011410486</v>
      </c>
      <c r="B274" s="4" t="s">
        <v>1692</v>
      </c>
      <c r="C274" s="3" t="s">
        <v>1693</v>
      </c>
    </row>
    <row r="275" spans="1:3" ht="27" x14ac:dyDescent="0.15">
      <c r="A275" s="3">
        <v>2011410487</v>
      </c>
      <c r="B275" s="4" t="s">
        <v>1694</v>
      </c>
      <c r="C275" s="3" t="s">
        <v>1695</v>
      </c>
    </row>
    <row r="276" spans="1:3" ht="27" x14ac:dyDescent="0.15">
      <c r="A276" s="3">
        <v>2011410711</v>
      </c>
      <c r="B276" s="4" t="s">
        <v>1990</v>
      </c>
      <c r="C276" s="3" t="s">
        <v>1991</v>
      </c>
    </row>
    <row r="277" spans="1:3" ht="27" x14ac:dyDescent="0.15">
      <c r="A277" s="3">
        <v>2011410713</v>
      </c>
      <c r="B277" s="4" t="s">
        <v>1994</v>
      </c>
      <c r="C277" s="3" t="s">
        <v>1991</v>
      </c>
    </row>
    <row r="278" spans="1:3" ht="40.5" x14ac:dyDescent="0.15">
      <c r="A278" s="3">
        <v>2011411447</v>
      </c>
      <c r="B278" s="4" t="s">
        <v>2848</v>
      </c>
      <c r="C278" s="3" t="s">
        <v>2849</v>
      </c>
    </row>
    <row r="279" spans="1:3" ht="40.5" x14ac:dyDescent="0.15">
      <c r="A279" s="3">
        <v>2011411448</v>
      </c>
      <c r="B279" s="4" t="s">
        <v>2850</v>
      </c>
      <c r="C279" s="3" t="s">
        <v>2849</v>
      </c>
    </row>
    <row r="280" spans="1:3" ht="27" x14ac:dyDescent="0.15">
      <c r="A280" s="3">
        <v>2011411542</v>
      </c>
      <c r="B280" s="4" t="s">
        <v>2967</v>
      </c>
      <c r="C280" s="3" t="s">
        <v>2968</v>
      </c>
    </row>
    <row r="281" spans="1:3" ht="27" x14ac:dyDescent="0.15">
      <c r="A281" s="3">
        <v>2011411603</v>
      </c>
      <c r="B281" s="4" t="s">
        <v>3045</v>
      </c>
      <c r="C281" s="3" t="s">
        <v>2968</v>
      </c>
    </row>
    <row r="282" spans="1:3" x14ac:dyDescent="0.15">
      <c r="A282" s="3">
        <v>2011411599</v>
      </c>
      <c r="B282" s="4" t="s">
        <v>3038</v>
      </c>
      <c r="C282" s="3" t="s">
        <v>3039</v>
      </c>
    </row>
    <row r="283" spans="1:3" ht="27" x14ac:dyDescent="0.15">
      <c r="A283" s="3">
        <v>2011412275</v>
      </c>
      <c r="B283" s="4" t="s">
        <v>3809</v>
      </c>
      <c r="C283" s="3" t="s">
        <v>3810</v>
      </c>
    </row>
    <row r="284" spans="1:3" ht="27" x14ac:dyDescent="0.15">
      <c r="A284" s="3">
        <v>2011412879</v>
      </c>
      <c r="B284" s="4" t="s">
        <v>4549</v>
      </c>
      <c r="C284" s="3" t="s">
        <v>4550</v>
      </c>
    </row>
    <row r="285" spans="1:3" ht="27" x14ac:dyDescent="0.15">
      <c r="A285" s="3">
        <v>2011413108</v>
      </c>
      <c r="B285" s="4" t="s">
        <v>4866</v>
      </c>
      <c r="C285" s="3" t="s">
        <v>4867</v>
      </c>
    </row>
    <row r="286" spans="1:3" ht="27" x14ac:dyDescent="0.15">
      <c r="A286" s="3">
        <v>2011413109</v>
      </c>
      <c r="B286" s="4" t="s">
        <v>4868</v>
      </c>
      <c r="C286" s="3" t="s">
        <v>4867</v>
      </c>
    </row>
    <row r="287" spans="1:3" ht="27" x14ac:dyDescent="0.15">
      <c r="A287" s="3">
        <v>2011413110</v>
      </c>
      <c r="B287" s="4" t="s">
        <v>4869</v>
      </c>
      <c r="C287" s="3" t="s">
        <v>4867</v>
      </c>
    </row>
    <row r="288" spans="1:3" ht="27" x14ac:dyDescent="0.15">
      <c r="A288" s="3">
        <v>2011413106</v>
      </c>
      <c r="B288" s="4" t="s">
        <v>4862</v>
      </c>
      <c r="C288" s="3" t="s">
        <v>4863</v>
      </c>
    </row>
    <row r="289" spans="1:3" ht="27" x14ac:dyDescent="0.15">
      <c r="A289" s="3">
        <v>2011413480</v>
      </c>
      <c r="B289" s="4" t="s">
        <v>5302</v>
      </c>
      <c r="C289" s="3" t="s">
        <v>5303</v>
      </c>
    </row>
    <row r="290" spans="1:3" ht="27" x14ac:dyDescent="0.15">
      <c r="A290" s="3">
        <v>2011414283</v>
      </c>
      <c r="B290" s="4" t="s">
        <v>6392</v>
      </c>
      <c r="C290" s="3" t="s">
        <v>6393</v>
      </c>
    </row>
    <row r="291" spans="1:3" ht="27" x14ac:dyDescent="0.15">
      <c r="A291" s="3">
        <v>2011412956</v>
      </c>
      <c r="B291" s="4" t="s">
        <v>4655</v>
      </c>
      <c r="C291" s="3" t="s">
        <v>4656</v>
      </c>
    </row>
    <row r="292" spans="1:3" ht="40.5" x14ac:dyDescent="0.15">
      <c r="A292" s="3">
        <v>2011413983</v>
      </c>
      <c r="B292" s="4" t="s">
        <v>5973</v>
      </c>
      <c r="C292" s="3" t="s">
        <v>5974</v>
      </c>
    </row>
    <row r="293" spans="1:3" x14ac:dyDescent="0.15">
      <c r="A293" s="3">
        <v>2011410610</v>
      </c>
      <c r="B293" s="4" t="s">
        <v>1857</v>
      </c>
      <c r="C293" s="3" t="s">
        <v>1858</v>
      </c>
    </row>
    <row r="294" spans="1:3" ht="27" x14ac:dyDescent="0.15">
      <c r="A294" s="3">
        <v>2011414298</v>
      </c>
      <c r="B294" s="4" t="s">
        <v>6417</v>
      </c>
      <c r="C294" s="3" t="s">
        <v>1858</v>
      </c>
    </row>
    <row r="295" spans="1:3" ht="27" x14ac:dyDescent="0.15">
      <c r="A295" s="3">
        <v>2011414215</v>
      </c>
      <c r="B295" s="4" t="s">
        <v>6295</v>
      </c>
      <c r="C295" s="3" t="s">
        <v>6296</v>
      </c>
    </row>
    <row r="296" spans="1:3" ht="27" x14ac:dyDescent="0.15">
      <c r="A296" s="3">
        <v>2011414216</v>
      </c>
      <c r="B296" s="4" t="s">
        <v>6297</v>
      </c>
      <c r="C296" s="3" t="s">
        <v>6296</v>
      </c>
    </row>
    <row r="297" spans="1:3" ht="27" x14ac:dyDescent="0.15">
      <c r="A297" s="3">
        <v>2011410208</v>
      </c>
      <c r="B297" s="4" t="s">
        <v>1356</v>
      </c>
      <c r="C297" s="3" t="s">
        <v>1357</v>
      </c>
    </row>
    <row r="298" spans="1:3" ht="27" x14ac:dyDescent="0.15">
      <c r="A298" s="3">
        <v>2011412462</v>
      </c>
      <c r="B298" s="4" t="s">
        <v>4058</v>
      </c>
      <c r="C298" s="3" t="s">
        <v>4059</v>
      </c>
    </row>
    <row r="299" spans="1:3" ht="27" x14ac:dyDescent="0.15">
      <c r="A299" s="3">
        <v>2011411937</v>
      </c>
      <c r="B299" s="4" t="s">
        <v>3430</v>
      </c>
      <c r="C299" s="3" t="s">
        <v>3431</v>
      </c>
    </row>
    <row r="300" spans="1:3" ht="27" x14ac:dyDescent="0.15">
      <c r="A300" s="3">
        <v>2011411836</v>
      </c>
      <c r="B300" s="4" t="s">
        <v>3291</v>
      </c>
      <c r="C300" s="3" t="s">
        <v>3292</v>
      </c>
    </row>
    <row r="301" spans="1:3" ht="27" x14ac:dyDescent="0.15">
      <c r="A301" s="3">
        <v>2011414251</v>
      </c>
      <c r="B301" s="4" t="s">
        <v>6342</v>
      </c>
      <c r="C301" s="3" t="s">
        <v>6343</v>
      </c>
    </row>
    <row r="302" spans="1:3" ht="27" x14ac:dyDescent="0.15">
      <c r="A302" s="3">
        <v>2011412139</v>
      </c>
      <c r="B302" s="4" t="s">
        <v>3659</v>
      </c>
      <c r="C302" s="3" t="s">
        <v>3660</v>
      </c>
    </row>
    <row r="303" spans="1:3" ht="27" x14ac:dyDescent="0.15">
      <c r="A303" s="3">
        <v>2011413751</v>
      </c>
      <c r="B303" s="4" t="s">
        <v>5630</v>
      </c>
      <c r="C303" s="3" t="s">
        <v>5631</v>
      </c>
    </row>
    <row r="304" spans="1:3" x14ac:dyDescent="0.15">
      <c r="A304" s="3">
        <v>2011414169</v>
      </c>
      <c r="B304" s="4" t="s">
        <v>6224</v>
      </c>
      <c r="C304" s="3" t="s">
        <v>6225</v>
      </c>
    </row>
    <row r="305" spans="1:3" ht="27" x14ac:dyDescent="0.15">
      <c r="A305" s="3">
        <v>2011413016</v>
      </c>
      <c r="B305" s="4" t="s">
        <v>4735</v>
      </c>
      <c r="C305" s="3" t="s">
        <v>4736</v>
      </c>
    </row>
    <row r="306" spans="1:3" ht="27" x14ac:dyDescent="0.15">
      <c r="A306" s="3">
        <v>2011414174</v>
      </c>
      <c r="B306" s="4" t="s">
        <v>4735</v>
      </c>
      <c r="C306" s="3" t="s">
        <v>4736</v>
      </c>
    </row>
    <row r="307" spans="1:3" ht="27" x14ac:dyDescent="0.15">
      <c r="A307" s="3">
        <v>2011414420</v>
      </c>
      <c r="B307" s="4" t="s">
        <v>4735</v>
      </c>
      <c r="C307" s="3" t="s">
        <v>4736</v>
      </c>
    </row>
    <row r="308" spans="1:3" ht="27" x14ac:dyDescent="0.15">
      <c r="A308" s="3">
        <v>2011413763</v>
      </c>
      <c r="B308" s="4" t="s">
        <v>5652</v>
      </c>
      <c r="C308" s="3" t="s">
        <v>5653</v>
      </c>
    </row>
    <row r="309" spans="1:3" ht="27" x14ac:dyDescent="0.15">
      <c r="A309" s="3">
        <v>2011414248</v>
      </c>
      <c r="B309" s="4" t="s">
        <v>6336</v>
      </c>
      <c r="C309" s="3" t="s">
        <v>6337</v>
      </c>
    </row>
    <row r="310" spans="1:3" x14ac:dyDescent="0.15">
      <c r="A310" s="3">
        <v>2008400651</v>
      </c>
      <c r="B310" s="4" t="s">
        <v>775</v>
      </c>
      <c r="C310" s="3" t="s">
        <v>776</v>
      </c>
    </row>
    <row r="311" spans="1:3" ht="27" x14ac:dyDescent="0.15">
      <c r="A311" s="3">
        <v>2011413543</v>
      </c>
      <c r="B311" s="4" t="s">
        <v>5385</v>
      </c>
      <c r="C311" s="3" t="s">
        <v>5386</v>
      </c>
    </row>
    <row r="312" spans="1:3" x14ac:dyDescent="0.15">
      <c r="A312" s="3">
        <v>2008400673</v>
      </c>
      <c r="B312" s="4" t="s">
        <v>803</v>
      </c>
      <c r="C312" s="3" t="s">
        <v>804</v>
      </c>
    </row>
    <row r="313" spans="1:3" x14ac:dyDescent="0.15">
      <c r="A313" s="3">
        <v>2011413358</v>
      </c>
      <c r="B313" s="4" t="s">
        <v>5144</v>
      </c>
      <c r="C313" s="3" t="s">
        <v>804</v>
      </c>
    </row>
    <row r="314" spans="1:3" ht="27" x14ac:dyDescent="0.15">
      <c r="A314" s="3">
        <v>2008400076</v>
      </c>
      <c r="B314" s="4" t="s">
        <v>102</v>
      </c>
      <c r="C314" s="3" t="s">
        <v>103</v>
      </c>
    </row>
    <row r="315" spans="1:3" ht="27" x14ac:dyDescent="0.15">
      <c r="A315" s="3">
        <v>2011410721</v>
      </c>
      <c r="B315" s="4" t="s">
        <v>2008</v>
      </c>
      <c r="C315" s="3" t="s">
        <v>2009</v>
      </c>
    </row>
    <row r="316" spans="1:3" ht="27" x14ac:dyDescent="0.15">
      <c r="A316" s="3">
        <v>2011410722</v>
      </c>
      <c r="B316" s="4" t="s">
        <v>2010</v>
      </c>
      <c r="C316" s="3" t="s">
        <v>2009</v>
      </c>
    </row>
    <row r="317" spans="1:3" ht="27" x14ac:dyDescent="0.15">
      <c r="A317" s="3">
        <v>2011410723</v>
      </c>
      <c r="B317" s="4" t="s">
        <v>2011</v>
      </c>
      <c r="C317" s="3" t="s">
        <v>2009</v>
      </c>
    </row>
    <row r="318" spans="1:3" ht="27" x14ac:dyDescent="0.15">
      <c r="A318" s="3">
        <v>2011410724</v>
      </c>
      <c r="B318" s="4" t="s">
        <v>2012</v>
      </c>
      <c r="C318" s="3" t="s">
        <v>2009</v>
      </c>
    </row>
    <row r="319" spans="1:3" ht="27" x14ac:dyDescent="0.15">
      <c r="A319" s="3">
        <v>2011410730</v>
      </c>
      <c r="B319" s="4" t="s">
        <v>2022</v>
      </c>
      <c r="C319" s="3" t="s">
        <v>2009</v>
      </c>
    </row>
    <row r="320" spans="1:3" ht="27" x14ac:dyDescent="0.15">
      <c r="A320" s="3">
        <v>2011410731</v>
      </c>
      <c r="B320" s="4" t="s">
        <v>2022</v>
      </c>
      <c r="C320" s="3" t="s">
        <v>2009</v>
      </c>
    </row>
    <row r="321" spans="1:3" ht="27" x14ac:dyDescent="0.15">
      <c r="A321" s="3">
        <v>2011414447</v>
      </c>
      <c r="B321" s="4" t="s">
        <v>6591</v>
      </c>
      <c r="C321" s="3" t="s">
        <v>6592</v>
      </c>
    </row>
    <row r="322" spans="1:3" ht="27" x14ac:dyDescent="0.15">
      <c r="A322" s="3">
        <v>2011413730</v>
      </c>
      <c r="B322" s="4" t="s">
        <v>5600</v>
      </c>
      <c r="C322" s="3" t="s">
        <v>5601</v>
      </c>
    </row>
    <row r="323" spans="1:3" ht="27" x14ac:dyDescent="0.15">
      <c r="A323" s="3">
        <v>2011411188</v>
      </c>
      <c r="B323" s="4" t="s">
        <v>2524</v>
      </c>
      <c r="C323" s="3" t="s">
        <v>2525</v>
      </c>
    </row>
    <row r="324" spans="1:3" ht="27" x14ac:dyDescent="0.15">
      <c r="A324" s="3">
        <v>2008400155</v>
      </c>
      <c r="B324" s="4" t="s">
        <v>190</v>
      </c>
      <c r="C324" s="3" t="s">
        <v>191</v>
      </c>
    </row>
    <row r="325" spans="1:3" ht="27" x14ac:dyDescent="0.15">
      <c r="A325" s="3">
        <v>2008400455</v>
      </c>
      <c r="B325" s="4" t="s">
        <v>550</v>
      </c>
      <c r="C325" s="3" t="s">
        <v>551</v>
      </c>
    </row>
    <row r="326" spans="1:3" ht="40.5" x14ac:dyDescent="0.15">
      <c r="A326" s="3">
        <v>2008400457</v>
      </c>
      <c r="B326" s="4" t="s">
        <v>553</v>
      </c>
      <c r="C326" s="3" t="s">
        <v>551</v>
      </c>
    </row>
    <row r="327" spans="1:3" ht="27" x14ac:dyDescent="0.15">
      <c r="A327" s="3">
        <v>2008400464</v>
      </c>
      <c r="B327" s="4" t="s">
        <v>560</v>
      </c>
      <c r="C327" s="3" t="s">
        <v>551</v>
      </c>
    </row>
    <row r="328" spans="1:3" ht="27" x14ac:dyDescent="0.15">
      <c r="A328" s="3">
        <v>2008400465</v>
      </c>
      <c r="B328" s="4" t="s">
        <v>560</v>
      </c>
      <c r="C328" s="3" t="s">
        <v>551</v>
      </c>
    </row>
    <row r="329" spans="1:3" ht="27" x14ac:dyDescent="0.15">
      <c r="A329" s="3">
        <v>2008400466</v>
      </c>
      <c r="B329" s="4" t="s">
        <v>560</v>
      </c>
      <c r="C329" s="3" t="s">
        <v>551</v>
      </c>
    </row>
    <row r="330" spans="1:3" x14ac:dyDescent="0.15">
      <c r="A330" s="3">
        <v>2008400468</v>
      </c>
      <c r="B330" s="4" t="s">
        <v>562</v>
      </c>
      <c r="C330" s="3" t="s">
        <v>551</v>
      </c>
    </row>
    <row r="331" spans="1:3" ht="40.5" x14ac:dyDescent="0.15">
      <c r="A331" s="3">
        <v>2008400469</v>
      </c>
      <c r="B331" s="4" t="s">
        <v>563</v>
      </c>
      <c r="C331" s="3" t="s">
        <v>551</v>
      </c>
    </row>
    <row r="332" spans="1:3" x14ac:dyDescent="0.15">
      <c r="A332" s="3">
        <v>2008400518</v>
      </c>
      <c r="B332" s="4" t="s">
        <v>618</v>
      </c>
      <c r="C332" s="3" t="s">
        <v>551</v>
      </c>
    </row>
    <row r="333" spans="1:3" ht="27" x14ac:dyDescent="0.15">
      <c r="A333" s="3">
        <v>2011412161</v>
      </c>
      <c r="B333" s="4" t="s">
        <v>560</v>
      </c>
      <c r="C333" s="3" t="s">
        <v>551</v>
      </c>
    </row>
    <row r="334" spans="1:3" ht="27" x14ac:dyDescent="0.15">
      <c r="A334" s="3">
        <v>2011412162</v>
      </c>
      <c r="B334" s="4" t="s">
        <v>560</v>
      </c>
      <c r="C334" s="3" t="s">
        <v>551</v>
      </c>
    </row>
    <row r="335" spans="1:3" ht="27" x14ac:dyDescent="0.15">
      <c r="A335" s="3">
        <v>2011412163</v>
      </c>
      <c r="B335" s="4" t="s">
        <v>560</v>
      </c>
      <c r="C335" s="3" t="s">
        <v>551</v>
      </c>
    </row>
    <row r="336" spans="1:3" ht="27" x14ac:dyDescent="0.15">
      <c r="A336" s="3">
        <v>2011412164</v>
      </c>
      <c r="B336" s="4" t="s">
        <v>560</v>
      </c>
      <c r="C336" s="3" t="s">
        <v>551</v>
      </c>
    </row>
    <row r="337" spans="1:3" ht="27" x14ac:dyDescent="0.15">
      <c r="A337" s="3">
        <v>2011412165</v>
      </c>
      <c r="B337" s="4" t="s">
        <v>560</v>
      </c>
      <c r="C337" s="3" t="s">
        <v>551</v>
      </c>
    </row>
    <row r="338" spans="1:3" ht="27" x14ac:dyDescent="0.15">
      <c r="A338" s="3">
        <v>2011412166</v>
      </c>
      <c r="B338" s="4" t="s">
        <v>560</v>
      </c>
      <c r="C338" s="3" t="s">
        <v>551</v>
      </c>
    </row>
    <row r="339" spans="1:3" ht="27" x14ac:dyDescent="0.15">
      <c r="A339" s="3">
        <v>2011412167</v>
      </c>
      <c r="B339" s="4" t="s">
        <v>560</v>
      </c>
      <c r="C339" s="3" t="s">
        <v>551</v>
      </c>
    </row>
    <row r="340" spans="1:3" ht="27" x14ac:dyDescent="0.15">
      <c r="A340" s="3">
        <v>2011412168</v>
      </c>
      <c r="B340" s="4" t="s">
        <v>560</v>
      </c>
      <c r="C340" s="3" t="s">
        <v>551</v>
      </c>
    </row>
    <row r="341" spans="1:3" ht="27" x14ac:dyDescent="0.15">
      <c r="A341" s="3">
        <v>2011412169</v>
      </c>
      <c r="B341" s="4" t="s">
        <v>560</v>
      </c>
      <c r="C341" s="3" t="s">
        <v>551</v>
      </c>
    </row>
    <row r="342" spans="1:3" x14ac:dyDescent="0.15">
      <c r="A342" s="3">
        <v>2011413157</v>
      </c>
      <c r="B342" s="4" t="s">
        <v>4935</v>
      </c>
      <c r="C342" s="3" t="s">
        <v>4936</v>
      </c>
    </row>
    <row r="343" spans="1:3" ht="27" x14ac:dyDescent="0.15">
      <c r="A343" s="3">
        <v>2011414195</v>
      </c>
      <c r="B343" s="4" t="s">
        <v>6263</v>
      </c>
      <c r="C343" s="3" t="s">
        <v>6264</v>
      </c>
    </row>
    <row r="344" spans="1:3" ht="27" x14ac:dyDescent="0.15">
      <c r="A344" s="3">
        <v>2011411632</v>
      </c>
      <c r="B344" s="4" t="s">
        <v>3081</v>
      </c>
      <c r="C344" s="3" t="s">
        <v>3082</v>
      </c>
    </row>
    <row r="345" spans="1:3" ht="27" x14ac:dyDescent="0.15">
      <c r="A345" s="3">
        <v>2011411834</v>
      </c>
      <c r="B345" s="4" t="s">
        <v>3287</v>
      </c>
      <c r="C345" s="3" t="s">
        <v>3288</v>
      </c>
    </row>
    <row r="346" spans="1:3" ht="27" x14ac:dyDescent="0.15">
      <c r="A346" s="3">
        <v>2008400293</v>
      </c>
      <c r="B346" s="4" t="s">
        <v>347</v>
      </c>
      <c r="C346" s="3" t="s">
        <v>348</v>
      </c>
    </row>
    <row r="347" spans="1:3" ht="27" x14ac:dyDescent="0.15">
      <c r="A347" s="3">
        <v>2011411961</v>
      </c>
      <c r="B347" s="4" t="s">
        <v>3466</v>
      </c>
      <c r="C347" s="3" t="s">
        <v>3467</v>
      </c>
    </row>
    <row r="348" spans="1:3" ht="27" x14ac:dyDescent="0.15">
      <c r="A348" s="3">
        <v>2011411962</v>
      </c>
      <c r="B348" s="4" t="s">
        <v>3468</v>
      </c>
      <c r="C348" s="3" t="s">
        <v>3467</v>
      </c>
    </row>
    <row r="349" spans="1:3" x14ac:dyDescent="0.15">
      <c r="A349" s="3">
        <v>2011411963</v>
      </c>
      <c r="B349" s="4" t="s">
        <v>3469</v>
      </c>
      <c r="C349" s="3" t="s">
        <v>3467</v>
      </c>
    </row>
    <row r="350" spans="1:3" ht="27" x14ac:dyDescent="0.15">
      <c r="A350" s="3">
        <v>2011411964</v>
      </c>
      <c r="B350" s="4" t="s">
        <v>3470</v>
      </c>
      <c r="C350" s="3" t="s">
        <v>3467</v>
      </c>
    </row>
    <row r="351" spans="1:3" ht="27" x14ac:dyDescent="0.15">
      <c r="A351" s="3">
        <v>2011411966</v>
      </c>
      <c r="B351" s="4" t="s">
        <v>3472</v>
      </c>
      <c r="C351" s="3" t="s">
        <v>3467</v>
      </c>
    </row>
    <row r="352" spans="1:3" ht="27" x14ac:dyDescent="0.15">
      <c r="A352" s="3">
        <v>2011411967</v>
      </c>
      <c r="B352" s="4" t="s">
        <v>3473</v>
      </c>
      <c r="C352" s="3" t="s">
        <v>3467</v>
      </c>
    </row>
    <row r="353" spans="1:3" ht="27" x14ac:dyDescent="0.15">
      <c r="A353" s="3">
        <v>2011412041</v>
      </c>
      <c r="B353" s="4" t="s">
        <v>3544</v>
      </c>
      <c r="C353" s="3" t="s">
        <v>3545</v>
      </c>
    </row>
    <row r="354" spans="1:3" ht="27" x14ac:dyDescent="0.15">
      <c r="A354" s="3">
        <v>2008400388</v>
      </c>
      <c r="B354" s="4" t="s">
        <v>463</v>
      </c>
      <c r="C354" s="3" t="s">
        <v>464</v>
      </c>
    </row>
    <row r="355" spans="1:3" ht="27" x14ac:dyDescent="0.15">
      <c r="A355" s="3">
        <v>2008400389</v>
      </c>
      <c r="B355" s="4" t="s">
        <v>463</v>
      </c>
      <c r="C355" s="3" t="s">
        <v>465</v>
      </c>
    </row>
    <row r="356" spans="1:3" ht="27" x14ac:dyDescent="0.15">
      <c r="A356" s="3">
        <v>2011414488</v>
      </c>
      <c r="B356" s="4" t="s">
        <v>6663</v>
      </c>
      <c r="C356" s="3" t="s">
        <v>6664</v>
      </c>
    </row>
    <row r="357" spans="1:3" ht="27" x14ac:dyDescent="0.15">
      <c r="A357" s="3">
        <v>2011412050</v>
      </c>
      <c r="B357" s="4" t="s">
        <v>3554</v>
      </c>
      <c r="C357" s="3" t="s">
        <v>3555</v>
      </c>
    </row>
    <row r="358" spans="1:3" ht="40.5" x14ac:dyDescent="0.15">
      <c r="A358" s="3">
        <v>2011413048</v>
      </c>
      <c r="B358" s="4" t="s">
        <v>4781</v>
      </c>
      <c r="C358" s="3" t="s">
        <v>3555</v>
      </c>
    </row>
    <row r="359" spans="1:3" ht="27" x14ac:dyDescent="0.15">
      <c r="A359" s="3">
        <v>2011412197</v>
      </c>
      <c r="B359" s="4" t="s">
        <v>3718</v>
      </c>
      <c r="C359" s="3" t="s">
        <v>3719</v>
      </c>
    </row>
    <row r="360" spans="1:3" ht="27" x14ac:dyDescent="0.15">
      <c r="A360" s="3">
        <v>2011412198</v>
      </c>
      <c r="B360" s="4" t="s">
        <v>3720</v>
      </c>
      <c r="C360" s="3" t="s">
        <v>3719</v>
      </c>
    </row>
    <row r="361" spans="1:3" ht="27" x14ac:dyDescent="0.15">
      <c r="A361" s="3">
        <v>2011412199</v>
      </c>
      <c r="B361" s="4" t="s">
        <v>3721</v>
      </c>
      <c r="C361" s="3" t="s">
        <v>3719</v>
      </c>
    </row>
    <row r="362" spans="1:3" ht="27" x14ac:dyDescent="0.15">
      <c r="A362" s="3">
        <v>2011412200</v>
      </c>
      <c r="B362" s="4" t="s">
        <v>3722</v>
      </c>
      <c r="C362" s="3" t="s">
        <v>3719</v>
      </c>
    </row>
    <row r="363" spans="1:3" ht="40.5" x14ac:dyDescent="0.15">
      <c r="A363" s="3">
        <v>2011412201</v>
      </c>
      <c r="B363" s="4" t="s">
        <v>3723</v>
      </c>
      <c r="C363" s="3" t="s">
        <v>3719</v>
      </c>
    </row>
    <row r="364" spans="1:3" ht="27" x14ac:dyDescent="0.15">
      <c r="A364" s="3">
        <v>2011412202</v>
      </c>
      <c r="B364" s="4" t="s">
        <v>3724</v>
      </c>
      <c r="C364" s="3" t="s">
        <v>3719</v>
      </c>
    </row>
    <row r="365" spans="1:3" ht="27" x14ac:dyDescent="0.15">
      <c r="A365" s="3">
        <v>2011412146</v>
      </c>
      <c r="B365" s="4" t="s">
        <v>3668</v>
      </c>
      <c r="C365" s="3" t="s">
        <v>3669</v>
      </c>
    </row>
    <row r="366" spans="1:3" ht="27" x14ac:dyDescent="0.15">
      <c r="A366" s="3">
        <v>2011412235</v>
      </c>
      <c r="B366" s="4" t="s">
        <v>3763</v>
      </c>
      <c r="C366" s="3" t="s">
        <v>3764</v>
      </c>
    </row>
    <row r="367" spans="1:3" ht="27" x14ac:dyDescent="0.15">
      <c r="A367" s="3">
        <v>2011412245</v>
      </c>
      <c r="B367" s="4" t="s">
        <v>3776</v>
      </c>
      <c r="C367" s="3" t="s">
        <v>3777</v>
      </c>
    </row>
    <row r="368" spans="1:3" ht="27" x14ac:dyDescent="0.15">
      <c r="A368" s="3">
        <v>2011412055</v>
      </c>
      <c r="B368" s="4" t="s">
        <v>3561</v>
      </c>
      <c r="C368" s="3" t="s">
        <v>3562</v>
      </c>
    </row>
    <row r="369" spans="1:3" ht="27" x14ac:dyDescent="0.15">
      <c r="A369" s="3">
        <v>2011414211</v>
      </c>
      <c r="B369" s="4" t="s">
        <v>6289</v>
      </c>
      <c r="C369" s="3" t="s">
        <v>6290</v>
      </c>
    </row>
    <row r="370" spans="1:3" ht="27" x14ac:dyDescent="0.15">
      <c r="A370" s="3">
        <v>2011414250</v>
      </c>
      <c r="B370" s="4" t="s">
        <v>6340</v>
      </c>
      <c r="C370" s="3" t="s">
        <v>6341</v>
      </c>
    </row>
    <row r="371" spans="1:3" ht="40.5" x14ac:dyDescent="0.15">
      <c r="A371" s="3">
        <v>2008400436</v>
      </c>
      <c r="B371" s="4" t="s">
        <v>521</v>
      </c>
      <c r="C371" s="3" t="s">
        <v>522</v>
      </c>
    </row>
    <row r="372" spans="1:3" ht="27" x14ac:dyDescent="0.15">
      <c r="A372" s="3">
        <v>2011412880</v>
      </c>
      <c r="B372" s="4" t="s">
        <v>4551</v>
      </c>
      <c r="C372" s="3" t="s">
        <v>4552</v>
      </c>
    </row>
    <row r="373" spans="1:3" ht="40.5" x14ac:dyDescent="0.15">
      <c r="A373" s="3">
        <v>2011412881</v>
      </c>
      <c r="B373" s="4" t="s">
        <v>4553</v>
      </c>
      <c r="C373" s="3" t="s">
        <v>4552</v>
      </c>
    </row>
    <row r="374" spans="1:3" ht="27" x14ac:dyDescent="0.15">
      <c r="A374" s="3">
        <v>2011412882</v>
      </c>
      <c r="B374" s="4" t="s">
        <v>4554</v>
      </c>
      <c r="C374" s="3" t="s">
        <v>4552</v>
      </c>
    </row>
    <row r="375" spans="1:3" ht="27" x14ac:dyDescent="0.15">
      <c r="A375" s="3">
        <v>2011412883</v>
      </c>
      <c r="B375" s="4" t="s">
        <v>4555</v>
      </c>
      <c r="C375" s="3" t="s">
        <v>4552</v>
      </c>
    </row>
    <row r="376" spans="1:3" x14ac:dyDescent="0.15">
      <c r="A376" s="3">
        <v>2011414574</v>
      </c>
      <c r="B376" s="4" t="s">
        <v>6767</v>
      </c>
      <c r="C376" s="3" t="s">
        <v>6768</v>
      </c>
    </row>
    <row r="377" spans="1:3" ht="40.5" x14ac:dyDescent="0.15">
      <c r="A377" s="3">
        <v>2011414186</v>
      </c>
      <c r="B377" s="4" t="s">
        <v>6250</v>
      </c>
      <c r="C377" s="3" t="s">
        <v>6251</v>
      </c>
    </row>
    <row r="378" spans="1:3" ht="40.5" x14ac:dyDescent="0.15">
      <c r="A378" s="3">
        <v>2011414187</v>
      </c>
      <c r="B378" s="4" t="s">
        <v>6250</v>
      </c>
      <c r="C378" s="3" t="s">
        <v>6251</v>
      </c>
    </row>
    <row r="379" spans="1:3" ht="27" x14ac:dyDescent="0.15">
      <c r="A379" s="3">
        <v>2011413018</v>
      </c>
      <c r="B379" s="4" t="s">
        <v>4739</v>
      </c>
      <c r="C379" s="3" t="s">
        <v>4740</v>
      </c>
    </row>
    <row r="380" spans="1:3" ht="27" x14ac:dyDescent="0.15">
      <c r="A380" s="3">
        <v>2011413729</v>
      </c>
      <c r="B380" s="4" t="s">
        <v>5598</v>
      </c>
      <c r="C380" s="3" t="s">
        <v>5599</v>
      </c>
    </row>
    <row r="381" spans="1:3" ht="27" x14ac:dyDescent="0.15">
      <c r="A381" s="3">
        <v>2011413158</v>
      </c>
      <c r="B381" s="4" t="s">
        <v>4937</v>
      </c>
      <c r="C381" s="3" t="s">
        <v>4938</v>
      </c>
    </row>
    <row r="382" spans="1:3" ht="40.5" x14ac:dyDescent="0.15">
      <c r="A382" s="3">
        <v>2008400463</v>
      </c>
      <c r="B382" s="4" t="s">
        <v>558</v>
      </c>
      <c r="C382" s="3" t="s">
        <v>559</v>
      </c>
    </row>
    <row r="383" spans="1:3" ht="40.5" x14ac:dyDescent="0.15">
      <c r="A383" s="3">
        <v>2008400467</v>
      </c>
      <c r="B383" s="4" t="s">
        <v>561</v>
      </c>
      <c r="C383" s="3" t="s">
        <v>559</v>
      </c>
    </row>
    <row r="384" spans="1:3" ht="40.5" x14ac:dyDescent="0.15">
      <c r="A384" s="3">
        <v>2008400470</v>
      </c>
      <c r="B384" s="4" t="s">
        <v>564</v>
      </c>
      <c r="C384" s="3" t="s">
        <v>559</v>
      </c>
    </row>
    <row r="385" spans="1:3" ht="27" x14ac:dyDescent="0.15">
      <c r="A385" s="3">
        <v>2008400471</v>
      </c>
      <c r="B385" s="4" t="s">
        <v>565</v>
      </c>
      <c r="C385" s="3" t="s">
        <v>559</v>
      </c>
    </row>
    <row r="386" spans="1:3" x14ac:dyDescent="0.15">
      <c r="A386" s="3">
        <v>2008400473</v>
      </c>
      <c r="B386" s="4" t="s">
        <v>567</v>
      </c>
      <c r="C386" s="3" t="s">
        <v>559</v>
      </c>
    </row>
    <row r="387" spans="1:3" ht="54" x14ac:dyDescent="0.15">
      <c r="A387" s="3">
        <v>2008400515</v>
      </c>
      <c r="B387" s="4" t="s">
        <v>615</v>
      </c>
      <c r="C387" s="3" t="s">
        <v>559</v>
      </c>
    </row>
    <row r="388" spans="1:3" ht="40.5" x14ac:dyDescent="0.15">
      <c r="A388" s="3">
        <v>2008400516</v>
      </c>
      <c r="B388" s="4" t="s">
        <v>616</v>
      </c>
      <c r="C388" s="3" t="s">
        <v>559</v>
      </c>
    </row>
    <row r="389" spans="1:3" ht="54" x14ac:dyDescent="0.15">
      <c r="A389" s="3">
        <v>2011413233</v>
      </c>
      <c r="B389" s="4" t="s">
        <v>615</v>
      </c>
      <c r="C389" s="3" t="s">
        <v>559</v>
      </c>
    </row>
    <row r="390" spans="1:3" ht="40.5" x14ac:dyDescent="0.15">
      <c r="A390" s="3">
        <v>2011413234</v>
      </c>
      <c r="B390" s="4" t="s">
        <v>616</v>
      </c>
      <c r="C390" s="3" t="s">
        <v>559</v>
      </c>
    </row>
    <row r="391" spans="1:3" ht="27" x14ac:dyDescent="0.15">
      <c r="A391" s="3">
        <v>2011413340</v>
      </c>
      <c r="B391" s="4" t="s">
        <v>5128</v>
      </c>
      <c r="C391" s="3" t="s">
        <v>559</v>
      </c>
    </row>
    <row r="392" spans="1:3" ht="27" x14ac:dyDescent="0.15">
      <c r="A392" s="3">
        <v>2011413469</v>
      </c>
      <c r="B392" s="4" t="s">
        <v>5285</v>
      </c>
      <c r="C392" s="3" t="s">
        <v>5286</v>
      </c>
    </row>
    <row r="393" spans="1:3" ht="27" x14ac:dyDescent="0.15">
      <c r="A393" s="3">
        <v>2011414259</v>
      </c>
      <c r="B393" s="4" t="s">
        <v>6355</v>
      </c>
      <c r="C393" s="3" t="s">
        <v>6356</v>
      </c>
    </row>
    <row r="394" spans="1:3" ht="27" x14ac:dyDescent="0.15">
      <c r="A394" s="3">
        <v>2011413425</v>
      </c>
      <c r="B394" s="4" t="s">
        <v>5227</v>
      </c>
      <c r="C394" s="3" t="s">
        <v>5228</v>
      </c>
    </row>
    <row r="395" spans="1:3" ht="54" x14ac:dyDescent="0.15">
      <c r="A395" s="3">
        <v>2008400582</v>
      </c>
      <c r="B395" s="4" t="s">
        <v>695</v>
      </c>
      <c r="C395" s="3" t="s">
        <v>696</v>
      </c>
    </row>
    <row r="396" spans="1:3" ht="40.5" x14ac:dyDescent="0.15">
      <c r="A396" s="3">
        <v>2011413524</v>
      </c>
      <c r="B396" s="4" t="s">
        <v>5361</v>
      </c>
      <c r="C396" s="3" t="s">
        <v>5362</v>
      </c>
    </row>
    <row r="397" spans="1:3" ht="27" x14ac:dyDescent="0.15">
      <c r="A397" s="3">
        <v>2008400878</v>
      </c>
      <c r="B397" s="4" t="s">
        <v>1021</v>
      </c>
      <c r="C397" s="3" t="s">
        <v>1022</v>
      </c>
    </row>
    <row r="398" spans="1:3" ht="27" x14ac:dyDescent="0.15">
      <c r="A398" s="3">
        <v>2011413549</v>
      </c>
      <c r="B398" s="4" t="s">
        <v>5396</v>
      </c>
      <c r="C398" s="3" t="s">
        <v>5397</v>
      </c>
    </row>
    <row r="399" spans="1:3" ht="27" x14ac:dyDescent="0.15">
      <c r="A399" s="3">
        <v>2011413558</v>
      </c>
      <c r="B399" s="4" t="s">
        <v>5411</v>
      </c>
      <c r="C399" s="3" t="s">
        <v>5412</v>
      </c>
    </row>
    <row r="400" spans="1:3" ht="27" x14ac:dyDescent="0.15">
      <c r="A400" s="3">
        <v>2011413757</v>
      </c>
      <c r="B400" s="4" t="s">
        <v>5642</v>
      </c>
      <c r="C400" s="3" t="s">
        <v>5643</v>
      </c>
    </row>
    <row r="401" spans="1:3" ht="27" x14ac:dyDescent="0.15">
      <c r="A401" s="3">
        <v>2011414301</v>
      </c>
      <c r="B401" s="4" t="s">
        <v>6421</v>
      </c>
      <c r="C401" s="3" t="s">
        <v>6422</v>
      </c>
    </row>
    <row r="402" spans="1:3" ht="40.5" x14ac:dyDescent="0.15">
      <c r="A402" s="3">
        <v>2011413773</v>
      </c>
      <c r="B402" s="4" t="s">
        <v>5666</v>
      </c>
      <c r="C402" s="3" t="s">
        <v>5667</v>
      </c>
    </row>
    <row r="403" spans="1:3" ht="40.5" x14ac:dyDescent="0.15">
      <c r="A403" s="3">
        <v>2011411281</v>
      </c>
      <c r="B403" s="4" t="s">
        <v>2642</v>
      </c>
      <c r="C403" s="3" t="s">
        <v>2643</v>
      </c>
    </row>
    <row r="404" spans="1:3" ht="27" x14ac:dyDescent="0.15">
      <c r="A404" s="3">
        <v>2011413705</v>
      </c>
      <c r="B404" s="4" t="s">
        <v>5570</v>
      </c>
      <c r="C404" s="3" t="s">
        <v>5571</v>
      </c>
    </row>
    <row r="405" spans="1:3" ht="27" x14ac:dyDescent="0.15">
      <c r="A405" s="3">
        <v>2011413706</v>
      </c>
      <c r="B405" s="4" t="s">
        <v>5572</v>
      </c>
      <c r="C405" s="3" t="s">
        <v>5571</v>
      </c>
    </row>
    <row r="406" spans="1:3" ht="27" x14ac:dyDescent="0.15">
      <c r="A406" s="3">
        <v>2008400628</v>
      </c>
      <c r="B406" s="4" t="s">
        <v>741</v>
      </c>
      <c r="C406" s="3" t="s">
        <v>742</v>
      </c>
    </row>
    <row r="407" spans="1:3" ht="27" x14ac:dyDescent="0.15">
      <c r="A407" s="3">
        <v>2011414284</v>
      </c>
      <c r="B407" s="4" t="s">
        <v>6394</v>
      </c>
      <c r="C407" s="3" t="s">
        <v>742</v>
      </c>
    </row>
    <row r="408" spans="1:3" x14ac:dyDescent="0.15">
      <c r="A408" s="3">
        <v>2011414188</v>
      </c>
      <c r="B408" s="4" t="s">
        <v>6252</v>
      </c>
      <c r="C408" s="3" t="s">
        <v>6253</v>
      </c>
    </row>
    <row r="409" spans="1:3" ht="40.5" x14ac:dyDescent="0.15">
      <c r="A409" s="3">
        <v>2011413935</v>
      </c>
      <c r="B409" s="4" t="s">
        <v>5907</v>
      </c>
      <c r="C409" s="3" t="s">
        <v>5908</v>
      </c>
    </row>
    <row r="410" spans="1:3" ht="27" x14ac:dyDescent="0.15">
      <c r="A410" s="3">
        <v>2011413819</v>
      </c>
      <c r="B410" s="4" t="s">
        <v>5733</v>
      </c>
      <c r="C410" s="3" t="s">
        <v>5734</v>
      </c>
    </row>
    <row r="411" spans="1:3" ht="27" x14ac:dyDescent="0.15">
      <c r="A411" s="3">
        <v>2011413820</v>
      </c>
      <c r="B411" s="4" t="s">
        <v>5735</v>
      </c>
      <c r="C411" s="3" t="s">
        <v>5736</v>
      </c>
    </row>
    <row r="412" spans="1:3" ht="27" x14ac:dyDescent="0.15">
      <c r="A412" s="3">
        <v>2011413821</v>
      </c>
      <c r="B412" s="4" t="s">
        <v>5737</v>
      </c>
      <c r="C412" s="3" t="s">
        <v>5738</v>
      </c>
    </row>
    <row r="413" spans="1:3" ht="27" x14ac:dyDescent="0.15">
      <c r="A413" s="3">
        <v>2011413822</v>
      </c>
      <c r="B413" s="4" t="s">
        <v>5739</v>
      </c>
      <c r="C413" s="3" t="s">
        <v>5740</v>
      </c>
    </row>
    <row r="414" spans="1:3" ht="27" x14ac:dyDescent="0.15">
      <c r="A414" s="3">
        <v>2011414203</v>
      </c>
      <c r="B414" s="4" t="s">
        <v>6275</v>
      </c>
      <c r="C414" s="3" t="s">
        <v>6276</v>
      </c>
    </row>
    <row r="415" spans="1:3" ht="27" x14ac:dyDescent="0.15">
      <c r="A415" s="3">
        <v>2011413823</v>
      </c>
      <c r="B415" s="4" t="s">
        <v>5741</v>
      </c>
      <c r="C415" s="3" t="s">
        <v>5742</v>
      </c>
    </row>
    <row r="416" spans="1:3" ht="27" x14ac:dyDescent="0.15">
      <c r="A416" s="3">
        <v>2011414204</v>
      </c>
      <c r="B416" s="4" t="s">
        <v>6277</v>
      </c>
      <c r="C416" s="3" t="s">
        <v>6278</v>
      </c>
    </row>
    <row r="417" spans="1:3" ht="27" x14ac:dyDescent="0.15">
      <c r="A417" s="3">
        <v>2011413824</v>
      </c>
      <c r="B417" s="4" t="s">
        <v>5743</v>
      </c>
      <c r="C417" s="3" t="s">
        <v>5744</v>
      </c>
    </row>
    <row r="418" spans="1:3" ht="27" x14ac:dyDescent="0.15">
      <c r="A418" s="3">
        <v>2011414205</v>
      </c>
      <c r="B418" s="4" t="s">
        <v>6279</v>
      </c>
      <c r="C418" s="3" t="s">
        <v>6280</v>
      </c>
    </row>
    <row r="419" spans="1:3" ht="27" x14ac:dyDescent="0.15">
      <c r="A419" s="3">
        <v>2011414196</v>
      </c>
      <c r="B419" s="4" t="s">
        <v>6265</v>
      </c>
      <c r="C419" s="3" t="s">
        <v>6266</v>
      </c>
    </row>
    <row r="420" spans="1:3" ht="27" x14ac:dyDescent="0.15">
      <c r="A420" s="3">
        <v>2011411940</v>
      </c>
      <c r="B420" s="4" t="s">
        <v>3435</v>
      </c>
      <c r="C420" s="3" t="s">
        <v>3436</v>
      </c>
    </row>
    <row r="421" spans="1:3" ht="40.5" x14ac:dyDescent="0.15">
      <c r="A421" s="3">
        <v>2011414044</v>
      </c>
      <c r="B421" s="4" t="s">
        <v>6052</v>
      </c>
      <c r="C421" s="3" t="s">
        <v>6053</v>
      </c>
    </row>
    <row r="422" spans="1:3" ht="27" x14ac:dyDescent="0.15">
      <c r="A422" s="3">
        <v>2011414045</v>
      </c>
      <c r="B422" s="4" t="s">
        <v>6054</v>
      </c>
      <c r="C422" s="3" t="s">
        <v>6055</v>
      </c>
    </row>
    <row r="423" spans="1:3" ht="27" x14ac:dyDescent="0.15">
      <c r="A423" s="3">
        <v>2011414193</v>
      </c>
      <c r="B423" s="4" t="s">
        <v>6261</v>
      </c>
      <c r="C423" s="3" t="s">
        <v>6055</v>
      </c>
    </row>
    <row r="424" spans="1:3" ht="27" x14ac:dyDescent="0.15">
      <c r="A424" s="3">
        <v>2008400649</v>
      </c>
      <c r="B424" s="4" t="s">
        <v>771</v>
      </c>
      <c r="C424" s="3" t="s">
        <v>772</v>
      </c>
    </row>
    <row r="425" spans="1:3" ht="27" x14ac:dyDescent="0.15">
      <c r="A425" s="3">
        <v>2011414063</v>
      </c>
      <c r="B425" s="4" t="s">
        <v>6070</v>
      </c>
      <c r="C425" s="3" t="s">
        <v>772</v>
      </c>
    </row>
    <row r="426" spans="1:3" ht="27" x14ac:dyDescent="0.15">
      <c r="A426" s="3">
        <v>2011414200</v>
      </c>
      <c r="B426" s="4" t="s">
        <v>6270</v>
      </c>
      <c r="C426" s="3" t="s">
        <v>6271</v>
      </c>
    </row>
    <row r="427" spans="1:3" ht="27" x14ac:dyDescent="0.15">
      <c r="A427" s="3">
        <v>2011414201</v>
      </c>
      <c r="B427" s="4" t="s">
        <v>6270</v>
      </c>
      <c r="C427" s="3" t="s">
        <v>6272</v>
      </c>
    </row>
    <row r="428" spans="1:3" ht="27" x14ac:dyDescent="0.15">
      <c r="A428" s="3">
        <v>2011414177</v>
      </c>
      <c r="B428" s="4" t="s">
        <v>6234</v>
      </c>
      <c r="C428" s="3" t="s">
        <v>6235</v>
      </c>
    </row>
    <row r="429" spans="1:3" ht="27" x14ac:dyDescent="0.15">
      <c r="A429" s="3">
        <v>2008400804</v>
      </c>
      <c r="B429" s="4" t="s">
        <v>931</v>
      </c>
      <c r="C429" s="3" t="s">
        <v>932</v>
      </c>
    </row>
    <row r="430" spans="1:3" ht="40.5" x14ac:dyDescent="0.15">
      <c r="A430" s="3">
        <v>2011414529</v>
      </c>
      <c r="B430" s="4" t="s">
        <v>6716</v>
      </c>
      <c r="C430" s="3" t="s">
        <v>6717</v>
      </c>
    </row>
    <row r="431" spans="1:3" ht="27" x14ac:dyDescent="0.15">
      <c r="A431" s="3">
        <v>2011413215</v>
      </c>
      <c r="B431" s="4" t="s">
        <v>5015</v>
      </c>
      <c r="C431" s="3" t="s">
        <v>5016</v>
      </c>
    </row>
    <row r="432" spans="1:3" ht="27" x14ac:dyDescent="0.15">
      <c r="A432" s="3">
        <v>2011410220</v>
      </c>
      <c r="B432" s="4" t="s">
        <v>1370</v>
      </c>
      <c r="C432" s="3" t="s">
        <v>1371</v>
      </c>
    </row>
    <row r="433" spans="1:3" x14ac:dyDescent="0.15">
      <c r="A433" s="3">
        <v>2011410238</v>
      </c>
      <c r="B433" s="4" t="s">
        <v>1394</v>
      </c>
      <c r="C433" s="3" t="s">
        <v>1395</v>
      </c>
    </row>
    <row r="434" spans="1:3" ht="27" x14ac:dyDescent="0.15">
      <c r="A434" s="3">
        <v>2011414117</v>
      </c>
      <c r="B434" s="4" t="s">
        <v>6156</v>
      </c>
      <c r="C434" s="3" t="s">
        <v>1395</v>
      </c>
    </row>
    <row r="435" spans="1:3" x14ac:dyDescent="0.15">
      <c r="A435" s="3">
        <v>2011414490</v>
      </c>
      <c r="B435" s="4" t="s">
        <v>6667</v>
      </c>
      <c r="C435" s="3" t="s">
        <v>1395</v>
      </c>
    </row>
    <row r="436" spans="1:3" ht="27" x14ac:dyDescent="0.15">
      <c r="A436" s="3">
        <v>2011414528</v>
      </c>
      <c r="B436" s="4" t="s">
        <v>6156</v>
      </c>
      <c r="C436" s="3" t="s">
        <v>1395</v>
      </c>
    </row>
    <row r="437" spans="1:3" ht="27" x14ac:dyDescent="0.15">
      <c r="A437" s="3">
        <v>2011414381</v>
      </c>
      <c r="B437" s="4" t="s">
        <v>6510</v>
      </c>
      <c r="C437" s="3" t="s">
        <v>6511</v>
      </c>
    </row>
    <row r="438" spans="1:3" ht="27" x14ac:dyDescent="0.15">
      <c r="A438" s="3">
        <v>2011410599</v>
      </c>
      <c r="B438" s="4" t="s">
        <v>1842</v>
      </c>
      <c r="C438" s="3" t="s">
        <v>1843</v>
      </c>
    </row>
    <row r="439" spans="1:3" ht="27" x14ac:dyDescent="0.15">
      <c r="A439" s="3">
        <v>2011414444</v>
      </c>
      <c r="B439" s="4" t="s">
        <v>1842</v>
      </c>
      <c r="C439" s="3" t="s">
        <v>1843</v>
      </c>
    </row>
    <row r="440" spans="1:3" ht="27" x14ac:dyDescent="0.15">
      <c r="A440" s="3">
        <v>2011410600</v>
      </c>
      <c r="B440" s="4" t="s">
        <v>1844</v>
      </c>
      <c r="C440" s="3" t="s">
        <v>1845</v>
      </c>
    </row>
    <row r="441" spans="1:3" ht="27" x14ac:dyDescent="0.15">
      <c r="A441" s="3">
        <v>2011414473</v>
      </c>
      <c r="B441" s="4" t="s">
        <v>6637</v>
      </c>
      <c r="C441" s="3" t="s">
        <v>1845</v>
      </c>
    </row>
    <row r="442" spans="1:3" ht="27" x14ac:dyDescent="0.15">
      <c r="A442" s="3">
        <v>2011414491</v>
      </c>
      <c r="B442" s="4" t="s">
        <v>1844</v>
      </c>
      <c r="C442" s="3" t="s">
        <v>1845</v>
      </c>
    </row>
    <row r="443" spans="1:3" ht="27" x14ac:dyDescent="0.15">
      <c r="A443" s="3">
        <v>2011410611</v>
      </c>
      <c r="B443" s="4" t="s">
        <v>1859</v>
      </c>
      <c r="C443" s="3" t="s">
        <v>1860</v>
      </c>
    </row>
    <row r="444" spans="1:3" ht="40.5" x14ac:dyDescent="0.15">
      <c r="A444" s="3">
        <v>2011414453</v>
      </c>
      <c r="B444" s="4" t="s">
        <v>6602</v>
      </c>
      <c r="C444" s="3" t="s">
        <v>6603</v>
      </c>
    </row>
    <row r="445" spans="1:3" x14ac:dyDescent="0.15">
      <c r="A445" s="3">
        <v>2011410656</v>
      </c>
      <c r="B445" s="4" t="s">
        <v>1916</v>
      </c>
      <c r="C445" s="3" t="s">
        <v>1917</v>
      </c>
    </row>
    <row r="446" spans="1:3" x14ac:dyDescent="0.15">
      <c r="A446" s="3">
        <v>2011414501</v>
      </c>
      <c r="B446" s="4" t="s">
        <v>1916</v>
      </c>
      <c r="C446" s="3" t="s">
        <v>1917</v>
      </c>
    </row>
    <row r="447" spans="1:3" ht="27" x14ac:dyDescent="0.15">
      <c r="A447" s="3">
        <v>2011410662</v>
      </c>
      <c r="B447" s="4" t="s">
        <v>1925</v>
      </c>
      <c r="C447" s="3" t="s">
        <v>1926</v>
      </c>
    </row>
    <row r="448" spans="1:3" ht="40.5" x14ac:dyDescent="0.15">
      <c r="A448" s="3">
        <v>2011410663</v>
      </c>
      <c r="B448" s="4" t="s">
        <v>1927</v>
      </c>
      <c r="C448" s="3" t="s">
        <v>1926</v>
      </c>
    </row>
    <row r="449" spans="1:3" ht="27" x14ac:dyDescent="0.15">
      <c r="A449" s="3">
        <v>2011414472</v>
      </c>
      <c r="B449" s="4" t="s">
        <v>1925</v>
      </c>
      <c r="C449" s="3" t="s">
        <v>1926</v>
      </c>
    </row>
    <row r="450" spans="1:3" ht="27" x14ac:dyDescent="0.15">
      <c r="A450" s="3">
        <v>2011411079</v>
      </c>
      <c r="B450" s="4" t="s">
        <v>2387</v>
      </c>
      <c r="C450" s="3" t="s">
        <v>2388</v>
      </c>
    </row>
    <row r="451" spans="1:3" ht="27" x14ac:dyDescent="0.15">
      <c r="A451" s="3">
        <v>2011414500</v>
      </c>
      <c r="B451" s="4" t="s">
        <v>6676</v>
      </c>
      <c r="C451" s="3" t="s">
        <v>6677</v>
      </c>
    </row>
    <row r="452" spans="1:3" ht="40.5" x14ac:dyDescent="0.15">
      <c r="A452" s="3">
        <v>2011411183</v>
      </c>
      <c r="B452" s="4" t="s">
        <v>2516</v>
      </c>
      <c r="C452" s="3" t="s">
        <v>2517</v>
      </c>
    </row>
    <row r="453" spans="1:3" ht="27" x14ac:dyDescent="0.15">
      <c r="A453" s="3">
        <v>2011411184</v>
      </c>
      <c r="B453" s="4" t="s">
        <v>2518</v>
      </c>
      <c r="C453" s="3" t="s">
        <v>2517</v>
      </c>
    </row>
    <row r="454" spans="1:3" ht="40.5" x14ac:dyDescent="0.15">
      <c r="A454" s="3">
        <v>2011411186</v>
      </c>
      <c r="B454" s="4" t="s">
        <v>2521</v>
      </c>
      <c r="C454" s="3" t="s">
        <v>2522</v>
      </c>
    </row>
    <row r="455" spans="1:3" ht="40.5" x14ac:dyDescent="0.15">
      <c r="A455" s="3">
        <v>2011411187</v>
      </c>
      <c r="B455" s="4" t="s">
        <v>2523</v>
      </c>
      <c r="C455" s="3" t="s">
        <v>2522</v>
      </c>
    </row>
    <row r="456" spans="1:3" ht="40.5" x14ac:dyDescent="0.15">
      <c r="A456" s="3">
        <v>2011414335</v>
      </c>
      <c r="B456" s="4" t="s">
        <v>2523</v>
      </c>
      <c r="C456" s="3" t="s">
        <v>2522</v>
      </c>
    </row>
    <row r="457" spans="1:3" ht="27" x14ac:dyDescent="0.15">
      <c r="A457" s="3">
        <v>2011414448</v>
      </c>
      <c r="B457" s="4" t="s">
        <v>6593</v>
      </c>
      <c r="C457" s="3" t="s">
        <v>6594</v>
      </c>
    </row>
    <row r="458" spans="1:3" ht="40.5" x14ac:dyDescent="0.15">
      <c r="A458" s="3">
        <v>2011414475</v>
      </c>
      <c r="B458" s="4" t="s">
        <v>6640</v>
      </c>
      <c r="C458" s="3" t="s">
        <v>6641</v>
      </c>
    </row>
    <row r="459" spans="1:3" ht="27" x14ac:dyDescent="0.15">
      <c r="A459" s="3">
        <v>2011414392</v>
      </c>
      <c r="B459" s="4" t="s">
        <v>6526</v>
      </c>
      <c r="C459" s="3" t="s">
        <v>6527</v>
      </c>
    </row>
    <row r="460" spans="1:3" x14ac:dyDescent="0.15">
      <c r="A460" s="3">
        <v>2011411460</v>
      </c>
      <c r="B460" s="4" t="s">
        <v>2868</v>
      </c>
      <c r="C460" s="3" t="s">
        <v>2869</v>
      </c>
    </row>
    <row r="461" spans="1:3" ht="27" x14ac:dyDescent="0.15">
      <c r="A461" s="3">
        <v>2011411631</v>
      </c>
      <c r="B461" s="4" t="s">
        <v>3079</v>
      </c>
      <c r="C461" s="3" t="s">
        <v>3080</v>
      </c>
    </row>
    <row r="462" spans="1:3" ht="27" x14ac:dyDescent="0.15">
      <c r="A462" s="3">
        <v>2011411905</v>
      </c>
      <c r="B462" s="4" t="s">
        <v>3386</v>
      </c>
      <c r="C462" s="3" t="s">
        <v>3387</v>
      </c>
    </row>
    <row r="463" spans="1:3" ht="40.5" x14ac:dyDescent="0.15">
      <c r="A463" s="3">
        <v>2011414518</v>
      </c>
      <c r="B463" s="4" t="s">
        <v>6701</v>
      </c>
      <c r="C463" s="3" t="s">
        <v>6702</v>
      </c>
    </row>
    <row r="464" spans="1:3" ht="27" x14ac:dyDescent="0.15">
      <c r="A464" s="3">
        <v>2011411148</v>
      </c>
      <c r="B464" s="4" t="s">
        <v>2477</v>
      </c>
      <c r="C464" s="3" t="s">
        <v>2478</v>
      </c>
    </row>
    <row r="465" spans="1:3" ht="27" x14ac:dyDescent="0.15">
      <c r="A465" s="3">
        <v>2011414167</v>
      </c>
      <c r="B465" s="4" t="s">
        <v>6222</v>
      </c>
      <c r="C465" s="3" t="s">
        <v>6223</v>
      </c>
    </row>
    <row r="466" spans="1:3" ht="27" x14ac:dyDescent="0.15">
      <c r="A466" s="3">
        <v>2011414168</v>
      </c>
      <c r="B466" s="4" t="s">
        <v>6222</v>
      </c>
      <c r="C466" s="3" t="s">
        <v>6223</v>
      </c>
    </row>
    <row r="467" spans="1:3" ht="27" x14ac:dyDescent="0.15">
      <c r="A467" s="3">
        <v>2011414546</v>
      </c>
      <c r="B467" s="4" t="s">
        <v>6222</v>
      </c>
      <c r="C467" s="3" t="s">
        <v>6223</v>
      </c>
    </row>
    <row r="468" spans="1:3" ht="27" x14ac:dyDescent="0.15">
      <c r="A468" s="3">
        <v>2011414526</v>
      </c>
      <c r="B468" s="4" t="s">
        <v>6713</v>
      </c>
      <c r="C468" s="3" t="s">
        <v>6714</v>
      </c>
    </row>
    <row r="469" spans="1:3" ht="27" x14ac:dyDescent="0.15">
      <c r="A469" s="3">
        <v>2011414527</v>
      </c>
      <c r="B469" s="4" t="s">
        <v>6715</v>
      </c>
      <c r="C469" s="3" t="s">
        <v>6714</v>
      </c>
    </row>
    <row r="470" spans="1:3" ht="40.5" x14ac:dyDescent="0.15">
      <c r="A470" s="3">
        <v>2011414476</v>
      </c>
      <c r="B470" s="4" t="s">
        <v>6642</v>
      </c>
      <c r="C470" s="3" t="s">
        <v>6643</v>
      </c>
    </row>
    <row r="471" spans="1:3" ht="40.5" x14ac:dyDescent="0.15">
      <c r="A471" s="3">
        <v>2011414540</v>
      </c>
      <c r="B471" s="4" t="s">
        <v>6731</v>
      </c>
      <c r="C471" s="3" t="s">
        <v>6732</v>
      </c>
    </row>
    <row r="472" spans="1:3" ht="27" x14ac:dyDescent="0.15">
      <c r="A472" s="3">
        <v>2011414118</v>
      </c>
      <c r="B472" s="4" t="s">
        <v>6157</v>
      </c>
      <c r="C472" s="3" t="s">
        <v>6158</v>
      </c>
    </row>
    <row r="473" spans="1:3" ht="54" x14ac:dyDescent="0.15">
      <c r="A473" s="3">
        <v>2011414165</v>
      </c>
      <c r="B473" s="4" t="s">
        <v>6219</v>
      </c>
      <c r="C473" s="3" t="s">
        <v>6158</v>
      </c>
    </row>
    <row r="474" spans="1:3" ht="27" x14ac:dyDescent="0.15">
      <c r="A474" s="3">
        <v>2011414550</v>
      </c>
      <c r="B474" s="4" t="s">
        <v>6157</v>
      </c>
      <c r="C474" s="3" t="s">
        <v>6158</v>
      </c>
    </row>
    <row r="475" spans="1:3" ht="54" x14ac:dyDescent="0.15">
      <c r="A475" s="3">
        <v>2011412389</v>
      </c>
      <c r="B475" s="4" t="s">
        <v>3944</v>
      </c>
      <c r="C475" s="3" t="s">
        <v>3945</v>
      </c>
    </row>
    <row r="476" spans="1:3" ht="27" x14ac:dyDescent="0.15">
      <c r="A476" s="3">
        <v>2011414549</v>
      </c>
      <c r="B476" s="4" t="s">
        <v>6744</v>
      </c>
      <c r="C476" s="3" t="s">
        <v>6745</v>
      </c>
    </row>
    <row r="477" spans="1:3" ht="27" x14ac:dyDescent="0.15">
      <c r="A477" s="3">
        <v>2011414418</v>
      </c>
      <c r="B477" s="4" t="s">
        <v>6552</v>
      </c>
      <c r="C477" s="3" t="s">
        <v>6553</v>
      </c>
    </row>
    <row r="478" spans="1:3" ht="40.5" x14ac:dyDescent="0.15">
      <c r="A478" s="3">
        <v>2011414433</v>
      </c>
      <c r="B478" s="4" t="s">
        <v>6572</v>
      </c>
      <c r="C478" s="3" t="s">
        <v>6553</v>
      </c>
    </row>
    <row r="479" spans="1:3" x14ac:dyDescent="0.15">
      <c r="A479" s="3">
        <v>2011414464</v>
      </c>
      <c r="B479" s="4" t="s">
        <v>6624</v>
      </c>
      <c r="C479" s="3" t="s">
        <v>6553</v>
      </c>
    </row>
    <row r="480" spans="1:3" ht="40.5" x14ac:dyDescent="0.15">
      <c r="A480" s="3">
        <v>2011414417</v>
      </c>
      <c r="B480" s="4" t="s">
        <v>6550</v>
      </c>
      <c r="C480" s="3" t="s">
        <v>6551</v>
      </c>
    </row>
    <row r="481" spans="1:3" ht="27" x14ac:dyDescent="0.15">
      <c r="A481" s="3">
        <v>2011414469</v>
      </c>
      <c r="B481" s="4" t="s">
        <v>6633</v>
      </c>
      <c r="C481" s="3" t="s">
        <v>6634</v>
      </c>
    </row>
    <row r="482" spans="1:3" x14ac:dyDescent="0.15">
      <c r="A482" s="3">
        <v>2011414113</v>
      </c>
      <c r="B482" s="4" t="s">
        <v>6148</v>
      </c>
      <c r="C482" s="3" t="s">
        <v>6149</v>
      </c>
    </row>
    <row r="483" spans="1:3" ht="40.5" x14ac:dyDescent="0.15">
      <c r="A483" s="3">
        <v>2011412959</v>
      </c>
      <c r="B483" s="4" t="s">
        <v>4660</v>
      </c>
      <c r="C483" s="3" t="s">
        <v>4661</v>
      </c>
    </row>
    <row r="484" spans="1:3" ht="27" x14ac:dyDescent="0.15">
      <c r="A484" s="3">
        <v>2011412615</v>
      </c>
      <c r="B484" s="4" t="s">
        <v>4254</v>
      </c>
      <c r="C484" s="3" t="s">
        <v>4255</v>
      </c>
    </row>
    <row r="485" spans="1:3" ht="27" x14ac:dyDescent="0.15">
      <c r="A485" s="3">
        <v>2011412641</v>
      </c>
      <c r="B485" s="4" t="s">
        <v>4288</v>
      </c>
      <c r="C485" s="3" t="s">
        <v>4289</v>
      </c>
    </row>
    <row r="486" spans="1:3" x14ac:dyDescent="0.15">
      <c r="A486" s="3">
        <v>2011412960</v>
      </c>
      <c r="B486" s="4" t="s">
        <v>4662</v>
      </c>
      <c r="C486" s="3" t="s">
        <v>4663</v>
      </c>
    </row>
    <row r="487" spans="1:3" x14ac:dyDescent="0.15">
      <c r="A487" s="3">
        <v>2011414424</v>
      </c>
      <c r="B487" s="4" t="s">
        <v>4662</v>
      </c>
      <c r="C487" s="3" t="s">
        <v>4663</v>
      </c>
    </row>
    <row r="488" spans="1:3" x14ac:dyDescent="0.15">
      <c r="A488" s="3">
        <v>2011412961</v>
      </c>
      <c r="B488" s="4" t="s">
        <v>4664</v>
      </c>
      <c r="C488" s="3" t="s">
        <v>4665</v>
      </c>
    </row>
    <row r="489" spans="1:3" ht="27" x14ac:dyDescent="0.15">
      <c r="A489" s="3">
        <v>2011412982</v>
      </c>
      <c r="B489" s="4" t="s">
        <v>4683</v>
      </c>
      <c r="C489" s="3" t="s">
        <v>4684</v>
      </c>
    </row>
    <row r="490" spans="1:3" ht="27" x14ac:dyDescent="0.15">
      <c r="A490" s="3">
        <v>2011414421</v>
      </c>
      <c r="B490" s="4" t="s">
        <v>6556</v>
      </c>
      <c r="C490" s="3" t="s">
        <v>4684</v>
      </c>
    </row>
    <row r="491" spans="1:3" x14ac:dyDescent="0.15">
      <c r="A491" s="3">
        <v>2011414536</v>
      </c>
      <c r="B491" s="4" t="s">
        <v>6723</v>
      </c>
      <c r="C491" s="3" t="s">
        <v>6724</v>
      </c>
    </row>
    <row r="492" spans="1:3" ht="40.5" x14ac:dyDescent="0.15">
      <c r="A492" s="3">
        <v>2011413068</v>
      </c>
      <c r="B492" s="4" t="s">
        <v>4806</v>
      </c>
      <c r="C492" s="3" t="s">
        <v>4807</v>
      </c>
    </row>
    <row r="493" spans="1:3" ht="40.5" x14ac:dyDescent="0.15">
      <c r="A493" s="3">
        <v>2011413065</v>
      </c>
      <c r="B493" s="4" t="s">
        <v>4801</v>
      </c>
      <c r="C493" s="3" t="s">
        <v>4802</v>
      </c>
    </row>
    <row r="494" spans="1:3" ht="40.5" x14ac:dyDescent="0.15">
      <c r="A494" s="3">
        <v>2011410073</v>
      </c>
      <c r="B494" s="4" t="s">
        <v>1175</v>
      </c>
      <c r="C494" s="3" t="s">
        <v>1176</v>
      </c>
    </row>
    <row r="495" spans="1:3" ht="27" x14ac:dyDescent="0.15">
      <c r="A495" s="3">
        <v>2011413007</v>
      </c>
      <c r="B495" s="4" t="s">
        <v>4722</v>
      </c>
      <c r="C495" s="3" t="s">
        <v>4723</v>
      </c>
    </row>
    <row r="496" spans="1:3" ht="40.5" x14ac:dyDescent="0.15">
      <c r="A496" s="3">
        <v>2011414428</v>
      </c>
      <c r="B496" s="4" t="s">
        <v>6564</v>
      </c>
      <c r="C496" s="3" t="s">
        <v>4723</v>
      </c>
    </row>
    <row r="497" spans="1:3" ht="27" x14ac:dyDescent="0.15">
      <c r="A497" s="3">
        <v>2011413010</v>
      </c>
      <c r="B497" s="4" t="s">
        <v>4726</v>
      </c>
      <c r="C497" s="3" t="s">
        <v>4727</v>
      </c>
    </row>
    <row r="498" spans="1:3" x14ac:dyDescent="0.15">
      <c r="A498" s="3">
        <v>2008400866</v>
      </c>
      <c r="B498" s="4" t="s">
        <v>1006</v>
      </c>
      <c r="C498" s="3" t="s">
        <v>1007</v>
      </c>
    </row>
    <row r="499" spans="1:3" ht="27" x14ac:dyDescent="0.15">
      <c r="A499" s="3">
        <v>2011413012</v>
      </c>
      <c r="B499" s="4" t="s">
        <v>4730</v>
      </c>
      <c r="C499" s="3" t="s">
        <v>1007</v>
      </c>
    </row>
    <row r="500" spans="1:3" ht="27" x14ac:dyDescent="0.15">
      <c r="A500" s="3">
        <v>2011414553</v>
      </c>
      <c r="B500" s="4" t="s">
        <v>6748</v>
      </c>
      <c r="C500" s="3" t="s">
        <v>6749</v>
      </c>
    </row>
    <row r="501" spans="1:3" x14ac:dyDescent="0.15">
      <c r="A501" s="3">
        <v>2011414575</v>
      </c>
      <c r="B501" s="4" t="s">
        <v>6769</v>
      </c>
      <c r="C501" s="3" t="s">
        <v>6770</v>
      </c>
    </row>
    <row r="502" spans="1:3" ht="40.5" x14ac:dyDescent="0.15">
      <c r="A502" s="3">
        <v>2011413076</v>
      </c>
      <c r="B502" s="4" t="s">
        <v>4818</v>
      </c>
      <c r="C502" s="3" t="s">
        <v>4819</v>
      </c>
    </row>
    <row r="503" spans="1:3" ht="27" x14ac:dyDescent="0.15">
      <c r="A503" s="3">
        <v>2011414569</v>
      </c>
      <c r="B503" s="4" t="s">
        <v>6763</v>
      </c>
      <c r="C503" s="3" t="s">
        <v>4819</v>
      </c>
    </row>
    <row r="504" spans="1:3" ht="27" x14ac:dyDescent="0.15">
      <c r="A504" s="3">
        <v>2011414570</v>
      </c>
      <c r="B504" s="4" t="s">
        <v>6763</v>
      </c>
      <c r="C504" s="3" t="s">
        <v>4819</v>
      </c>
    </row>
    <row r="505" spans="1:3" ht="27" x14ac:dyDescent="0.15">
      <c r="A505" s="3">
        <v>2011414454</v>
      </c>
      <c r="B505" s="4" t="s">
        <v>6604</v>
      </c>
      <c r="C505" s="3" t="s">
        <v>6605</v>
      </c>
    </row>
    <row r="506" spans="1:3" ht="27" x14ac:dyDescent="0.15">
      <c r="A506" s="3">
        <v>2011414384</v>
      </c>
      <c r="B506" s="4" t="s">
        <v>6514</v>
      </c>
      <c r="C506" s="3" t="s">
        <v>6515</v>
      </c>
    </row>
    <row r="507" spans="1:3" x14ac:dyDescent="0.15">
      <c r="A507" s="3">
        <v>2011413225</v>
      </c>
      <c r="B507" s="4" t="s">
        <v>5032</v>
      </c>
      <c r="C507" s="3" t="s">
        <v>5033</v>
      </c>
    </row>
    <row r="508" spans="1:3" ht="40.5" x14ac:dyDescent="0.15">
      <c r="A508" s="3">
        <v>2011414509</v>
      </c>
      <c r="B508" s="4" t="s">
        <v>6687</v>
      </c>
      <c r="C508" s="3" t="s">
        <v>6688</v>
      </c>
    </row>
    <row r="509" spans="1:3" ht="81" x14ac:dyDescent="0.15">
      <c r="A509" s="3">
        <v>2011413196</v>
      </c>
      <c r="B509" s="4" t="s">
        <v>4986</v>
      </c>
      <c r="C509" s="3" t="s">
        <v>4987</v>
      </c>
    </row>
    <row r="510" spans="1:3" x14ac:dyDescent="0.15">
      <c r="A510" s="3">
        <v>2011413197</v>
      </c>
      <c r="B510" s="4" t="s">
        <v>4988</v>
      </c>
      <c r="C510" s="3" t="s">
        <v>4987</v>
      </c>
    </row>
    <row r="511" spans="1:3" ht="27" x14ac:dyDescent="0.15">
      <c r="A511" s="3">
        <v>2011413226</v>
      </c>
      <c r="B511" s="4" t="s">
        <v>5034</v>
      </c>
      <c r="C511" s="3" t="s">
        <v>4987</v>
      </c>
    </row>
    <row r="512" spans="1:3" ht="81" x14ac:dyDescent="0.15">
      <c r="A512" s="3">
        <v>2011414496</v>
      </c>
      <c r="B512" s="4" t="s">
        <v>4986</v>
      </c>
      <c r="C512" s="3" t="s">
        <v>4987</v>
      </c>
    </row>
    <row r="513" spans="1:3" ht="27" x14ac:dyDescent="0.15">
      <c r="A513" s="3">
        <v>2011414530</v>
      </c>
      <c r="B513" s="4" t="s">
        <v>5034</v>
      </c>
      <c r="C513" s="3" t="s">
        <v>4987</v>
      </c>
    </row>
    <row r="514" spans="1:3" ht="40.5" x14ac:dyDescent="0.15">
      <c r="A514" s="3">
        <v>2011413201</v>
      </c>
      <c r="B514" s="4" t="s">
        <v>4993</v>
      </c>
      <c r="C514" s="3" t="s">
        <v>4994</v>
      </c>
    </row>
    <row r="515" spans="1:3" ht="27" x14ac:dyDescent="0.15">
      <c r="A515" s="3">
        <v>2011413220</v>
      </c>
      <c r="B515" s="4" t="s">
        <v>5022</v>
      </c>
      <c r="C515" s="3" t="s">
        <v>5023</v>
      </c>
    </row>
    <row r="516" spans="1:3" ht="27" x14ac:dyDescent="0.15">
      <c r="A516" s="3">
        <v>2011414430</v>
      </c>
      <c r="B516" s="4" t="s">
        <v>6567</v>
      </c>
      <c r="C516" s="3" t="s">
        <v>5023</v>
      </c>
    </row>
    <row r="517" spans="1:3" ht="27" x14ac:dyDescent="0.15">
      <c r="A517" s="3">
        <v>2011414555</v>
      </c>
      <c r="B517" s="4" t="s">
        <v>5022</v>
      </c>
      <c r="C517" s="3" t="s">
        <v>5023</v>
      </c>
    </row>
    <row r="518" spans="1:3" ht="27" x14ac:dyDescent="0.15">
      <c r="A518" s="3">
        <v>2011413221</v>
      </c>
      <c r="B518" s="4" t="s">
        <v>5024</v>
      </c>
      <c r="C518" s="3" t="s">
        <v>5025</v>
      </c>
    </row>
    <row r="519" spans="1:3" ht="27" x14ac:dyDescent="0.15">
      <c r="A519" s="3">
        <v>2011413460</v>
      </c>
      <c r="B519" s="4" t="s">
        <v>5270</v>
      </c>
      <c r="C519" s="3" t="s">
        <v>5271</v>
      </c>
    </row>
    <row r="520" spans="1:3" ht="27" x14ac:dyDescent="0.15">
      <c r="A520" s="3">
        <v>2011414371</v>
      </c>
      <c r="B520" s="4" t="s">
        <v>6495</v>
      </c>
      <c r="C520" s="3" t="s">
        <v>6496</v>
      </c>
    </row>
    <row r="521" spans="1:3" ht="27" x14ac:dyDescent="0.15">
      <c r="A521" s="3">
        <v>2011414413</v>
      </c>
      <c r="B521" s="4" t="s">
        <v>6495</v>
      </c>
      <c r="C521" s="3" t="s">
        <v>6496</v>
      </c>
    </row>
    <row r="522" spans="1:3" ht="27" x14ac:dyDescent="0.15">
      <c r="A522" s="3">
        <v>2011413492</v>
      </c>
      <c r="B522" s="4" t="s">
        <v>5319</v>
      </c>
      <c r="C522" s="3" t="s">
        <v>5320</v>
      </c>
    </row>
    <row r="523" spans="1:3" ht="27" x14ac:dyDescent="0.15">
      <c r="A523" s="3">
        <v>2011414531</v>
      </c>
      <c r="B523" s="4" t="s">
        <v>5319</v>
      </c>
      <c r="C523" s="3" t="s">
        <v>5320</v>
      </c>
    </row>
    <row r="524" spans="1:3" ht="27" x14ac:dyDescent="0.15">
      <c r="A524" s="3">
        <v>2011414431</v>
      </c>
      <c r="B524" s="4" t="s">
        <v>6568</v>
      </c>
      <c r="C524" s="3" t="s">
        <v>6569</v>
      </c>
    </row>
    <row r="525" spans="1:3" ht="27" x14ac:dyDescent="0.15">
      <c r="A525" s="3">
        <v>2011414376</v>
      </c>
      <c r="B525" s="4" t="s">
        <v>6504</v>
      </c>
      <c r="C525" s="3" t="s">
        <v>6505</v>
      </c>
    </row>
    <row r="526" spans="1:3" ht="27" x14ac:dyDescent="0.15">
      <c r="A526" s="3">
        <v>2011414455</v>
      </c>
      <c r="B526" s="4" t="s">
        <v>6606</v>
      </c>
      <c r="C526" s="3" t="s">
        <v>6607</v>
      </c>
    </row>
    <row r="527" spans="1:3" ht="40.5" x14ac:dyDescent="0.15">
      <c r="A527" s="3">
        <v>2011414548</v>
      </c>
      <c r="B527" s="4" t="s">
        <v>6742</v>
      </c>
      <c r="C527" s="3" t="s">
        <v>6743</v>
      </c>
    </row>
    <row r="528" spans="1:3" ht="27" x14ac:dyDescent="0.15">
      <c r="A528" s="3">
        <v>2011414429</v>
      </c>
      <c r="B528" s="4" t="s">
        <v>6565</v>
      </c>
      <c r="C528" s="3" t="s">
        <v>6566</v>
      </c>
    </row>
    <row r="529" spans="1:3" ht="40.5" x14ac:dyDescent="0.15">
      <c r="A529" s="3">
        <v>2011411462</v>
      </c>
      <c r="B529" s="4" t="s">
        <v>2871</v>
      </c>
      <c r="C529" s="3" t="s">
        <v>2872</v>
      </c>
    </row>
    <row r="530" spans="1:3" ht="40.5" x14ac:dyDescent="0.15">
      <c r="A530" s="3">
        <v>2011414292</v>
      </c>
      <c r="B530" s="4" t="s">
        <v>6407</v>
      </c>
      <c r="C530" s="3" t="s">
        <v>2872</v>
      </c>
    </row>
    <row r="531" spans="1:3" ht="40.5" x14ac:dyDescent="0.15">
      <c r="A531" s="3">
        <v>2011414551</v>
      </c>
      <c r="B531" s="4" t="s">
        <v>6407</v>
      </c>
      <c r="C531" s="3" t="s">
        <v>2872</v>
      </c>
    </row>
    <row r="532" spans="1:3" ht="27" x14ac:dyDescent="0.15">
      <c r="A532" s="3">
        <v>2011414477</v>
      </c>
      <c r="B532" s="4" t="s">
        <v>6644</v>
      </c>
      <c r="C532" s="3" t="s">
        <v>6645</v>
      </c>
    </row>
    <row r="533" spans="1:3" ht="27" x14ac:dyDescent="0.15">
      <c r="A533" s="3">
        <v>2011414492</v>
      </c>
      <c r="B533" s="4" t="s">
        <v>6668</v>
      </c>
      <c r="C533" s="3" t="s">
        <v>6645</v>
      </c>
    </row>
    <row r="534" spans="1:3" ht="27" x14ac:dyDescent="0.15">
      <c r="A534" s="3">
        <v>2011414285</v>
      </c>
      <c r="B534" s="4" t="s">
        <v>6395</v>
      </c>
      <c r="C534" s="3" t="s">
        <v>6396</v>
      </c>
    </row>
    <row r="535" spans="1:3" ht="27" x14ac:dyDescent="0.15">
      <c r="A535" s="3">
        <v>2011414286</v>
      </c>
      <c r="B535" s="4" t="s">
        <v>6397</v>
      </c>
      <c r="C535" s="3" t="s">
        <v>6396</v>
      </c>
    </row>
    <row r="536" spans="1:3" ht="54" x14ac:dyDescent="0.15">
      <c r="A536" s="3">
        <v>2011414294</v>
      </c>
      <c r="B536" s="4" t="s">
        <v>6410</v>
      </c>
      <c r="C536" s="3" t="s">
        <v>6411</v>
      </c>
    </row>
    <row r="537" spans="1:3" ht="27" x14ac:dyDescent="0.15">
      <c r="A537" s="3">
        <v>2011414293</v>
      </c>
      <c r="B537" s="4" t="s">
        <v>6408</v>
      </c>
      <c r="C537" s="3" t="s">
        <v>6409</v>
      </c>
    </row>
    <row r="538" spans="1:3" ht="27" x14ac:dyDescent="0.15">
      <c r="A538" s="3">
        <v>2011414296</v>
      </c>
      <c r="B538" s="4" t="s">
        <v>6414</v>
      </c>
      <c r="C538" s="3" t="s">
        <v>6409</v>
      </c>
    </row>
    <row r="539" spans="1:3" ht="54" x14ac:dyDescent="0.15">
      <c r="A539" s="3">
        <v>2011414556</v>
      </c>
      <c r="B539" s="4" t="s">
        <v>6752</v>
      </c>
      <c r="C539" s="3" t="s">
        <v>6409</v>
      </c>
    </row>
    <row r="540" spans="1:3" ht="27" x14ac:dyDescent="0.15">
      <c r="A540" s="3">
        <v>2011414557</v>
      </c>
      <c r="B540" s="4" t="s">
        <v>6753</v>
      </c>
      <c r="C540" s="3" t="s">
        <v>6409</v>
      </c>
    </row>
    <row r="541" spans="1:3" ht="27" x14ac:dyDescent="0.15">
      <c r="A541" s="3">
        <v>2011414171</v>
      </c>
      <c r="B541" s="4" t="s">
        <v>6228</v>
      </c>
      <c r="C541" s="3" t="s">
        <v>6229</v>
      </c>
    </row>
    <row r="542" spans="1:3" ht="27" x14ac:dyDescent="0.15">
      <c r="A542" s="3">
        <v>2011414295</v>
      </c>
      <c r="B542" s="4" t="s">
        <v>6412</v>
      </c>
      <c r="C542" s="3" t="s">
        <v>6413</v>
      </c>
    </row>
    <row r="543" spans="1:3" ht="27" x14ac:dyDescent="0.15">
      <c r="A543" s="3">
        <v>2011414456</v>
      </c>
      <c r="B543" s="4" t="s">
        <v>6608</v>
      </c>
      <c r="C543" s="3" t="s">
        <v>6609</v>
      </c>
    </row>
    <row r="544" spans="1:3" ht="27" x14ac:dyDescent="0.15">
      <c r="A544" s="3">
        <v>2011414089</v>
      </c>
      <c r="B544" s="4" t="s">
        <v>6104</v>
      </c>
      <c r="C544" s="3" t="s">
        <v>6105</v>
      </c>
    </row>
    <row r="545" spans="1:3" ht="27" x14ac:dyDescent="0.15">
      <c r="A545" s="3">
        <v>2011414141</v>
      </c>
      <c r="B545" s="4" t="s">
        <v>6185</v>
      </c>
      <c r="C545" s="3" t="s">
        <v>6105</v>
      </c>
    </row>
    <row r="546" spans="1:3" ht="27" x14ac:dyDescent="0.15">
      <c r="A546" s="3">
        <v>2011414142</v>
      </c>
      <c r="B546" s="4" t="s">
        <v>6186</v>
      </c>
      <c r="C546" s="3" t="s">
        <v>6105</v>
      </c>
    </row>
    <row r="547" spans="1:3" ht="27" x14ac:dyDescent="0.15">
      <c r="A547" s="3">
        <v>2011414143</v>
      </c>
      <c r="B547" s="4" t="s">
        <v>6186</v>
      </c>
      <c r="C547" s="3" t="s">
        <v>6105</v>
      </c>
    </row>
    <row r="548" spans="1:3" ht="27" x14ac:dyDescent="0.15">
      <c r="A548" s="3">
        <v>2011414144</v>
      </c>
      <c r="B548" s="4" t="s">
        <v>6187</v>
      </c>
      <c r="C548" s="3" t="s">
        <v>6105</v>
      </c>
    </row>
    <row r="549" spans="1:3" ht="27" x14ac:dyDescent="0.15">
      <c r="A549" s="3">
        <v>2011414534</v>
      </c>
      <c r="B549" s="4" t="s">
        <v>6104</v>
      </c>
      <c r="C549" s="3" t="s">
        <v>6105</v>
      </c>
    </row>
    <row r="550" spans="1:3" ht="27" x14ac:dyDescent="0.15">
      <c r="A550" s="3">
        <v>2011414535</v>
      </c>
      <c r="B550" s="4" t="s">
        <v>6722</v>
      </c>
      <c r="C550" s="3" t="s">
        <v>6105</v>
      </c>
    </row>
    <row r="551" spans="1:3" ht="54" x14ac:dyDescent="0.15">
      <c r="A551" s="3">
        <v>2011414533</v>
      </c>
      <c r="B551" s="4" t="s">
        <v>6720</v>
      </c>
      <c r="C551" s="3" t="s">
        <v>6721</v>
      </c>
    </row>
    <row r="552" spans="1:3" ht="27" x14ac:dyDescent="0.15">
      <c r="A552" s="3">
        <v>2011414090</v>
      </c>
      <c r="B552" s="4" t="s">
        <v>6106</v>
      </c>
      <c r="C552" s="3" t="s">
        <v>6107</v>
      </c>
    </row>
    <row r="553" spans="1:3" ht="27" x14ac:dyDescent="0.15">
      <c r="A553" s="3">
        <v>2011410971</v>
      </c>
      <c r="B553" s="4" t="s">
        <v>2269</v>
      </c>
      <c r="C553" s="3" t="s">
        <v>2270</v>
      </c>
    </row>
    <row r="554" spans="1:3" ht="27" x14ac:dyDescent="0.15">
      <c r="A554" s="3">
        <v>2011410048</v>
      </c>
      <c r="B554" s="4" t="s">
        <v>1137</v>
      </c>
      <c r="C554" s="3" t="s">
        <v>1138</v>
      </c>
    </row>
    <row r="555" spans="1:3" ht="27" x14ac:dyDescent="0.15">
      <c r="A555" s="3">
        <v>2011411337</v>
      </c>
      <c r="B555" s="4" t="s">
        <v>2714</v>
      </c>
      <c r="C555" s="3" t="s">
        <v>2715</v>
      </c>
    </row>
    <row r="556" spans="1:3" ht="27" x14ac:dyDescent="0.15">
      <c r="A556" s="3">
        <v>2011410240</v>
      </c>
      <c r="B556" s="4" t="s">
        <v>1398</v>
      </c>
      <c r="C556" s="3" t="s">
        <v>1399</v>
      </c>
    </row>
    <row r="557" spans="1:3" ht="27" x14ac:dyDescent="0.15">
      <c r="A557" s="3">
        <v>2011410471</v>
      </c>
      <c r="B557" s="4" t="s">
        <v>1673</v>
      </c>
      <c r="C557" s="3" t="s">
        <v>1674</v>
      </c>
    </row>
    <row r="558" spans="1:3" ht="27" x14ac:dyDescent="0.15">
      <c r="A558" s="3">
        <v>2011410472</v>
      </c>
      <c r="B558" s="4" t="s">
        <v>1675</v>
      </c>
      <c r="C558" s="3" t="s">
        <v>1674</v>
      </c>
    </row>
    <row r="559" spans="1:3" ht="27" x14ac:dyDescent="0.15">
      <c r="A559" s="3">
        <v>2011410468</v>
      </c>
      <c r="B559" s="4" t="s">
        <v>1669</v>
      </c>
      <c r="C559" s="3" t="s">
        <v>1670</v>
      </c>
    </row>
    <row r="560" spans="1:3" ht="27" x14ac:dyDescent="0.15">
      <c r="A560" s="3">
        <v>2011411498</v>
      </c>
      <c r="B560" s="4" t="s">
        <v>2911</v>
      </c>
      <c r="C560" s="3" t="s">
        <v>2912</v>
      </c>
    </row>
    <row r="561" spans="1:3" ht="27" x14ac:dyDescent="0.15">
      <c r="A561" s="3">
        <v>2011411207</v>
      </c>
      <c r="B561" s="4" t="s">
        <v>2545</v>
      </c>
      <c r="C561" s="3" t="s">
        <v>2546</v>
      </c>
    </row>
    <row r="562" spans="1:3" ht="27" x14ac:dyDescent="0.15">
      <c r="A562" s="3">
        <v>2011414291</v>
      </c>
      <c r="B562" s="4" t="s">
        <v>6405</v>
      </c>
      <c r="C562" s="3" t="s">
        <v>6406</v>
      </c>
    </row>
    <row r="563" spans="1:3" x14ac:dyDescent="0.15">
      <c r="A563" s="3">
        <v>2011412134</v>
      </c>
      <c r="B563" s="4" t="s">
        <v>3652</v>
      </c>
      <c r="C563" s="3" t="s">
        <v>3653</v>
      </c>
    </row>
    <row r="564" spans="1:3" ht="27" x14ac:dyDescent="0.15">
      <c r="A564" s="3">
        <v>2011412135</v>
      </c>
      <c r="B564" s="4" t="s">
        <v>3654</v>
      </c>
      <c r="C564" s="3" t="s">
        <v>3653</v>
      </c>
    </row>
    <row r="565" spans="1:3" x14ac:dyDescent="0.15">
      <c r="A565" s="3">
        <v>2011412136</v>
      </c>
      <c r="B565" s="4" t="s">
        <v>3655</v>
      </c>
      <c r="C565" s="3" t="s">
        <v>3653</v>
      </c>
    </row>
    <row r="566" spans="1:3" ht="27" x14ac:dyDescent="0.15">
      <c r="A566" s="3">
        <v>2011413366</v>
      </c>
      <c r="B566" s="4" t="s">
        <v>5154</v>
      </c>
      <c r="C566" s="3" t="s">
        <v>5155</v>
      </c>
    </row>
    <row r="567" spans="1:3" ht="27" x14ac:dyDescent="0.15">
      <c r="A567" s="3">
        <v>2011413484</v>
      </c>
      <c r="B567" s="4" t="s">
        <v>5308</v>
      </c>
      <c r="C567" s="3" t="s">
        <v>5309</v>
      </c>
    </row>
    <row r="568" spans="1:3" ht="27" x14ac:dyDescent="0.15">
      <c r="A568" s="3">
        <v>2011411934</v>
      </c>
      <c r="B568" s="4" t="s">
        <v>3424</v>
      </c>
      <c r="C568" s="3" t="s">
        <v>3425</v>
      </c>
    </row>
    <row r="569" spans="1:3" ht="27" x14ac:dyDescent="0.15">
      <c r="A569" s="3">
        <v>2011412137</v>
      </c>
      <c r="B569" s="4" t="s">
        <v>3656</v>
      </c>
      <c r="C569" s="3" t="s">
        <v>3657</v>
      </c>
    </row>
    <row r="570" spans="1:3" x14ac:dyDescent="0.15">
      <c r="A570" s="3">
        <v>2011414573</v>
      </c>
      <c r="B570" s="4" t="s">
        <v>6765</v>
      </c>
      <c r="C570" s="3" t="s">
        <v>6766</v>
      </c>
    </row>
    <row r="571" spans="1:3" ht="27" x14ac:dyDescent="0.15">
      <c r="A571" s="3">
        <v>2011410141</v>
      </c>
      <c r="B571" s="4" t="s">
        <v>1269</v>
      </c>
      <c r="C571" s="3" t="s">
        <v>1270</v>
      </c>
    </row>
    <row r="572" spans="1:3" ht="27" x14ac:dyDescent="0.15">
      <c r="A572" s="3">
        <v>2011414572</v>
      </c>
      <c r="B572" s="4" t="s">
        <v>6764</v>
      </c>
      <c r="C572" s="3" t="s">
        <v>1270</v>
      </c>
    </row>
    <row r="573" spans="1:3" ht="27" x14ac:dyDescent="0.15">
      <c r="A573" s="3">
        <v>2011414494</v>
      </c>
      <c r="B573" s="4" t="s">
        <v>1345</v>
      </c>
      <c r="C573" s="3" t="s">
        <v>6669</v>
      </c>
    </row>
    <row r="574" spans="1:3" ht="27" x14ac:dyDescent="0.15">
      <c r="A574" s="3">
        <v>2011410201</v>
      </c>
      <c r="B574" s="4" t="s">
        <v>1345</v>
      </c>
      <c r="C574" s="3" t="s">
        <v>1346</v>
      </c>
    </row>
    <row r="575" spans="1:3" ht="27" x14ac:dyDescent="0.15">
      <c r="A575" s="3">
        <v>2011414206</v>
      </c>
      <c r="B575" s="4" t="s">
        <v>6281</v>
      </c>
      <c r="C575" s="3" t="s">
        <v>1346</v>
      </c>
    </row>
    <row r="576" spans="1:3" ht="27" x14ac:dyDescent="0.15">
      <c r="A576" s="3">
        <v>2011414493</v>
      </c>
      <c r="B576" s="4" t="s">
        <v>1345</v>
      </c>
      <c r="C576" s="3" t="s">
        <v>1346</v>
      </c>
    </row>
    <row r="577" spans="1:3" ht="40.5" x14ac:dyDescent="0.15">
      <c r="A577" s="3">
        <v>2011412279</v>
      </c>
      <c r="B577" s="4" t="s">
        <v>3816</v>
      </c>
      <c r="C577" s="3" t="s">
        <v>3817</v>
      </c>
    </row>
    <row r="578" spans="1:3" ht="40.5" x14ac:dyDescent="0.15">
      <c r="A578" s="3">
        <v>2011414382</v>
      </c>
      <c r="B578" s="4" t="s">
        <v>3816</v>
      </c>
      <c r="C578" s="3" t="s">
        <v>3817</v>
      </c>
    </row>
    <row r="579" spans="1:3" ht="40.5" x14ac:dyDescent="0.15">
      <c r="A579" s="3">
        <v>2011414405</v>
      </c>
      <c r="B579" s="4" t="s">
        <v>3816</v>
      </c>
      <c r="C579" s="3" t="s">
        <v>3817</v>
      </c>
    </row>
    <row r="580" spans="1:3" ht="27" x14ac:dyDescent="0.15">
      <c r="A580" s="3">
        <v>2011410416</v>
      </c>
      <c r="B580" s="4" t="s">
        <v>1608</v>
      </c>
      <c r="C580" s="3" t="s">
        <v>1609</v>
      </c>
    </row>
    <row r="581" spans="1:3" ht="27" x14ac:dyDescent="0.15">
      <c r="A581" s="3">
        <v>2011410417</v>
      </c>
      <c r="B581" s="4" t="s">
        <v>1610</v>
      </c>
      <c r="C581" s="3" t="s">
        <v>1609</v>
      </c>
    </row>
    <row r="582" spans="1:3" ht="27" x14ac:dyDescent="0.15">
      <c r="A582" s="3">
        <v>2011410480</v>
      </c>
      <c r="B582" s="4" t="s">
        <v>1683</v>
      </c>
      <c r="C582" s="3" t="s">
        <v>1684</v>
      </c>
    </row>
    <row r="583" spans="1:3" ht="40.5" x14ac:dyDescent="0.15">
      <c r="A583" s="3">
        <v>2011410512</v>
      </c>
      <c r="B583" s="4" t="s">
        <v>1723</v>
      </c>
      <c r="C583" s="3" t="s">
        <v>1724</v>
      </c>
    </row>
    <row r="584" spans="1:3" ht="27" x14ac:dyDescent="0.15">
      <c r="A584" s="3">
        <v>2011410413</v>
      </c>
      <c r="B584" s="4" t="s">
        <v>1603</v>
      </c>
      <c r="C584" s="3" t="s">
        <v>1604</v>
      </c>
    </row>
    <row r="585" spans="1:3" ht="27" x14ac:dyDescent="0.15">
      <c r="A585" s="3">
        <v>2011414198</v>
      </c>
      <c r="B585" s="4" t="s">
        <v>1603</v>
      </c>
      <c r="C585" s="3" t="s">
        <v>1604</v>
      </c>
    </row>
    <row r="586" spans="1:3" ht="27" x14ac:dyDescent="0.15">
      <c r="A586" s="3">
        <v>2011410726</v>
      </c>
      <c r="B586" s="4" t="s">
        <v>2015</v>
      </c>
      <c r="C586" s="3" t="s">
        <v>2016</v>
      </c>
    </row>
    <row r="587" spans="1:3" ht="27" x14ac:dyDescent="0.15">
      <c r="A587" s="3">
        <v>2011410729</v>
      </c>
      <c r="B587" s="4" t="s">
        <v>2015</v>
      </c>
      <c r="C587" s="3" t="s">
        <v>2021</v>
      </c>
    </row>
    <row r="588" spans="1:3" ht="27" x14ac:dyDescent="0.15">
      <c r="A588" s="3">
        <v>2011410732</v>
      </c>
      <c r="B588" s="4" t="s">
        <v>2023</v>
      </c>
      <c r="C588" s="3" t="s">
        <v>2024</v>
      </c>
    </row>
    <row r="589" spans="1:3" x14ac:dyDescent="0.15">
      <c r="A589" s="3">
        <v>2011410720</v>
      </c>
      <c r="B589" s="4" t="s">
        <v>2006</v>
      </c>
      <c r="C589" s="3" t="s">
        <v>2007</v>
      </c>
    </row>
    <row r="590" spans="1:3" ht="27" x14ac:dyDescent="0.15">
      <c r="A590" s="3">
        <v>2011411104</v>
      </c>
      <c r="B590" s="4" t="s">
        <v>2423</v>
      </c>
      <c r="C590" s="3" t="s">
        <v>2007</v>
      </c>
    </row>
    <row r="591" spans="1:3" ht="27" x14ac:dyDescent="0.15">
      <c r="A591" s="3">
        <v>2011414485</v>
      </c>
      <c r="B591" s="4" t="s">
        <v>2423</v>
      </c>
      <c r="C591" s="3" t="s">
        <v>2007</v>
      </c>
    </row>
    <row r="592" spans="1:3" x14ac:dyDescent="0.15">
      <c r="A592" s="3">
        <v>2011410917</v>
      </c>
      <c r="B592" s="4" t="s">
        <v>2209</v>
      </c>
      <c r="C592" s="3" t="s">
        <v>2210</v>
      </c>
    </row>
    <row r="593" spans="1:3" ht="27" x14ac:dyDescent="0.15">
      <c r="A593" s="3">
        <v>2011410935</v>
      </c>
      <c r="B593" s="4" t="s">
        <v>2231</v>
      </c>
      <c r="C593" s="3" t="s">
        <v>2232</v>
      </c>
    </row>
    <row r="594" spans="1:3" ht="27" x14ac:dyDescent="0.15">
      <c r="A594" s="3">
        <v>2011410936</v>
      </c>
      <c r="B594" s="4" t="s">
        <v>2233</v>
      </c>
      <c r="C594" s="3" t="s">
        <v>2232</v>
      </c>
    </row>
    <row r="595" spans="1:3" ht="27" x14ac:dyDescent="0.15">
      <c r="A595" s="3">
        <v>2011410937</v>
      </c>
      <c r="B595" s="4" t="s">
        <v>2234</v>
      </c>
      <c r="C595" s="3" t="s">
        <v>2232</v>
      </c>
    </row>
    <row r="596" spans="1:3" ht="27" x14ac:dyDescent="0.15">
      <c r="A596" s="3">
        <v>2011412585</v>
      </c>
      <c r="B596" s="4" t="s">
        <v>4212</v>
      </c>
      <c r="C596" s="3" t="s">
        <v>4213</v>
      </c>
    </row>
    <row r="597" spans="1:3" ht="27" x14ac:dyDescent="0.15">
      <c r="A597" s="3">
        <v>2011411861</v>
      </c>
      <c r="B597" s="4" t="s">
        <v>3328</v>
      </c>
      <c r="C597" s="3" t="s">
        <v>3329</v>
      </c>
    </row>
    <row r="598" spans="1:3" x14ac:dyDescent="0.15">
      <c r="A598" s="3">
        <v>2011414480</v>
      </c>
      <c r="B598" s="4" t="s">
        <v>6649</v>
      </c>
      <c r="C598" s="3" t="s">
        <v>6650</v>
      </c>
    </row>
    <row r="599" spans="1:3" ht="27" x14ac:dyDescent="0.15">
      <c r="A599" s="3">
        <v>2011412066</v>
      </c>
      <c r="B599" s="4" t="s">
        <v>3576</v>
      </c>
      <c r="C599" s="3" t="s">
        <v>3577</v>
      </c>
    </row>
    <row r="600" spans="1:3" ht="27" x14ac:dyDescent="0.15">
      <c r="A600" s="3">
        <v>2011412151</v>
      </c>
      <c r="B600" s="4" t="s">
        <v>3675</v>
      </c>
      <c r="C600" s="3" t="s">
        <v>3676</v>
      </c>
    </row>
    <row r="601" spans="1:3" ht="27" x14ac:dyDescent="0.15">
      <c r="A601" s="3">
        <v>2011412392</v>
      </c>
      <c r="B601" s="4" t="s">
        <v>3950</v>
      </c>
      <c r="C601" s="3" t="s">
        <v>3951</v>
      </c>
    </row>
    <row r="602" spans="1:3" ht="27" x14ac:dyDescent="0.15">
      <c r="A602" s="3">
        <v>2011412429</v>
      </c>
      <c r="B602" s="4" t="s">
        <v>4003</v>
      </c>
      <c r="C602" s="3" t="s">
        <v>4004</v>
      </c>
    </row>
    <row r="603" spans="1:3" ht="27" x14ac:dyDescent="0.15">
      <c r="A603" s="3">
        <v>2011412736</v>
      </c>
      <c r="B603" s="4" t="s">
        <v>4392</v>
      </c>
      <c r="C603" s="3" t="s">
        <v>4393</v>
      </c>
    </row>
    <row r="604" spans="1:3" ht="27" x14ac:dyDescent="0.15">
      <c r="A604" s="3">
        <v>2011414481</v>
      </c>
      <c r="B604" s="4" t="s">
        <v>6651</v>
      </c>
      <c r="C604" s="3" t="s">
        <v>6652</v>
      </c>
    </row>
    <row r="605" spans="1:3" ht="27" x14ac:dyDescent="0.15">
      <c r="A605" s="3">
        <v>2011412941</v>
      </c>
      <c r="B605" s="4" t="s">
        <v>4632</v>
      </c>
      <c r="C605" s="3" t="s">
        <v>4633</v>
      </c>
    </row>
    <row r="606" spans="1:3" ht="27" x14ac:dyDescent="0.15">
      <c r="A606" s="3">
        <v>2011410142</v>
      </c>
      <c r="B606" s="4" t="s">
        <v>1271</v>
      </c>
      <c r="C606" s="3" t="s">
        <v>1272</v>
      </c>
    </row>
    <row r="607" spans="1:3" ht="27" x14ac:dyDescent="0.15">
      <c r="A607" s="3">
        <v>2011413080</v>
      </c>
      <c r="B607" s="4" t="s">
        <v>4825</v>
      </c>
      <c r="C607" s="3" t="s">
        <v>4826</v>
      </c>
    </row>
    <row r="608" spans="1:3" ht="27" x14ac:dyDescent="0.15">
      <c r="A608" s="3">
        <v>2011413100</v>
      </c>
      <c r="B608" s="4" t="s">
        <v>4852</v>
      </c>
      <c r="C608" s="3" t="s">
        <v>4853</v>
      </c>
    </row>
    <row r="609" spans="1:3" ht="40.5" x14ac:dyDescent="0.15">
      <c r="A609" s="3">
        <v>2011414119</v>
      </c>
      <c r="B609" s="4" t="s">
        <v>6159</v>
      </c>
      <c r="C609" s="3" t="s">
        <v>6160</v>
      </c>
    </row>
    <row r="610" spans="1:3" ht="27" x14ac:dyDescent="0.15">
      <c r="A610" s="3">
        <v>2011413330</v>
      </c>
      <c r="B610" s="4" t="s">
        <v>5116</v>
      </c>
      <c r="C610" s="3" t="s">
        <v>5117</v>
      </c>
    </row>
    <row r="611" spans="1:3" ht="27" x14ac:dyDescent="0.15">
      <c r="A611" s="3">
        <v>2008400901</v>
      </c>
      <c r="B611" s="4" t="s">
        <v>1050</v>
      </c>
      <c r="C611" s="3" t="s">
        <v>1051</v>
      </c>
    </row>
    <row r="612" spans="1:3" ht="40.5" x14ac:dyDescent="0.15">
      <c r="A612" s="3">
        <v>2011413738</v>
      </c>
      <c r="B612" s="4" t="s">
        <v>5612</v>
      </c>
      <c r="C612" s="3" t="s">
        <v>5613</v>
      </c>
    </row>
    <row r="613" spans="1:3" ht="40.5" x14ac:dyDescent="0.15">
      <c r="A613" s="3">
        <v>2011414388</v>
      </c>
      <c r="B613" s="4" t="s">
        <v>5612</v>
      </c>
      <c r="C613" s="3" t="s">
        <v>6521</v>
      </c>
    </row>
    <row r="614" spans="1:3" ht="40.5" x14ac:dyDescent="0.15">
      <c r="A614" s="3">
        <v>2011414393</v>
      </c>
      <c r="B614" s="4" t="s">
        <v>5612</v>
      </c>
      <c r="C614" s="3" t="s">
        <v>6521</v>
      </c>
    </row>
    <row r="615" spans="1:3" ht="40.5" x14ac:dyDescent="0.15">
      <c r="A615" s="3">
        <v>2011414387</v>
      </c>
      <c r="B615" s="4" t="s">
        <v>5612</v>
      </c>
      <c r="C615" s="3" t="s">
        <v>6520</v>
      </c>
    </row>
    <row r="616" spans="1:3" ht="27" x14ac:dyDescent="0.15">
      <c r="A616" s="3">
        <v>2011414399</v>
      </c>
      <c r="B616" s="4" t="s">
        <v>6531</v>
      </c>
      <c r="C616" s="3" t="s">
        <v>6532</v>
      </c>
    </row>
    <row r="617" spans="1:3" ht="27" x14ac:dyDescent="0.15">
      <c r="A617" s="3">
        <v>2011414290</v>
      </c>
      <c r="B617" s="4" t="s">
        <v>6403</v>
      </c>
      <c r="C617" s="3" t="s">
        <v>6404</v>
      </c>
    </row>
    <row r="618" spans="1:3" ht="40.5" x14ac:dyDescent="0.15">
      <c r="A618" s="3">
        <v>2011410076</v>
      </c>
      <c r="B618" s="4" t="s">
        <v>1181</v>
      </c>
      <c r="C618" s="3" t="s">
        <v>1182</v>
      </c>
    </row>
    <row r="619" spans="1:3" ht="40.5" x14ac:dyDescent="0.15">
      <c r="A619" s="3">
        <v>2011410297</v>
      </c>
      <c r="B619" s="4" t="s">
        <v>1467</v>
      </c>
      <c r="C619" s="3" t="s">
        <v>1468</v>
      </c>
    </row>
    <row r="620" spans="1:3" ht="40.5" x14ac:dyDescent="0.15">
      <c r="A620" s="3">
        <v>2011414461</v>
      </c>
      <c r="B620" s="4" t="s">
        <v>6618</v>
      </c>
      <c r="C620" s="3" t="s">
        <v>6619</v>
      </c>
    </row>
    <row r="621" spans="1:3" ht="27" x14ac:dyDescent="0.15">
      <c r="A621" s="3">
        <v>2011410556</v>
      </c>
      <c r="B621" s="4" t="s">
        <v>1779</v>
      </c>
      <c r="C621" s="3" t="s">
        <v>1780</v>
      </c>
    </row>
    <row r="622" spans="1:3" ht="40.5" x14ac:dyDescent="0.15">
      <c r="A622" s="3">
        <v>2011414379</v>
      </c>
      <c r="B622" s="4" t="s">
        <v>6509</v>
      </c>
      <c r="C622" s="3" t="s">
        <v>1780</v>
      </c>
    </row>
    <row r="623" spans="1:3" ht="27" x14ac:dyDescent="0.15">
      <c r="A623" s="3">
        <v>2011414380</v>
      </c>
      <c r="B623" s="4" t="s">
        <v>1779</v>
      </c>
      <c r="C623" s="3" t="s">
        <v>1780</v>
      </c>
    </row>
    <row r="624" spans="1:3" ht="27" x14ac:dyDescent="0.15">
      <c r="A624" s="3">
        <v>2011413017</v>
      </c>
      <c r="B624" s="4" t="s">
        <v>4737</v>
      </c>
      <c r="C624" s="3" t="s">
        <v>4738</v>
      </c>
    </row>
    <row r="625" spans="1:3" ht="27" x14ac:dyDescent="0.15">
      <c r="A625" s="3">
        <v>2011414505</v>
      </c>
      <c r="B625" s="4" t="s">
        <v>4737</v>
      </c>
      <c r="C625" s="3" t="s">
        <v>4738</v>
      </c>
    </row>
    <row r="626" spans="1:3" ht="27" x14ac:dyDescent="0.15">
      <c r="A626" s="3">
        <v>2011414458</v>
      </c>
      <c r="B626" s="4" t="s">
        <v>6612</v>
      </c>
      <c r="C626" s="3" t="s">
        <v>6613</v>
      </c>
    </row>
    <row r="627" spans="1:3" ht="27" x14ac:dyDescent="0.15">
      <c r="A627" s="3">
        <v>2011414466</v>
      </c>
      <c r="B627" s="4" t="s">
        <v>6627</v>
      </c>
      <c r="C627" s="3" t="s">
        <v>6628</v>
      </c>
    </row>
    <row r="628" spans="1:3" ht="27" x14ac:dyDescent="0.15">
      <c r="A628" s="3">
        <v>2011414389</v>
      </c>
      <c r="B628" s="4" t="s">
        <v>6522</v>
      </c>
      <c r="C628" s="3" t="s">
        <v>6523</v>
      </c>
    </row>
    <row r="629" spans="1:3" ht="40.5" x14ac:dyDescent="0.15">
      <c r="A629" s="3">
        <v>2011414439</v>
      </c>
      <c r="B629" s="4" t="s">
        <v>6579</v>
      </c>
      <c r="C629" s="3" t="s">
        <v>6580</v>
      </c>
    </row>
    <row r="630" spans="1:3" ht="27" x14ac:dyDescent="0.15">
      <c r="A630" s="3">
        <v>2011414440</v>
      </c>
      <c r="B630" s="4" t="s">
        <v>6581</v>
      </c>
      <c r="C630" s="3" t="s">
        <v>6582</v>
      </c>
    </row>
    <row r="631" spans="1:3" ht="27" x14ac:dyDescent="0.15">
      <c r="A631" s="3">
        <v>2011414390</v>
      </c>
      <c r="B631" s="4" t="s">
        <v>6524</v>
      </c>
      <c r="C631" s="3" t="s">
        <v>6525</v>
      </c>
    </row>
    <row r="632" spans="1:3" ht="27" x14ac:dyDescent="0.15">
      <c r="A632" s="3">
        <v>2011410989</v>
      </c>
      <c r="B632" s="4" t="s">
        <v>2287</v>
      </c>
      <c r="C632" s="3" t="s">
        <v>2288</v>
      </c>
    </row>
    <row r="633" spans="1:3" ht="27" x14ac:dyDescent="0.15">
      <c r="A633" s="3">
        <v>2011414507</v>
      </c>
      <c r="B633" s="4" t="s">
        <v>6683</v>
      </c>
      <c r="C633" s="3" t="s">
        <v>6684</v>
      </c>
    </row>
    <row r="634" spans="1:3" ht="27" x14ac:dyDescent="0.15">
      <c r="A634" s="3">
        <v>2011414409</v>
      </c>
      <c r="B634" s="4" t="s">
        <v>6540</v>
      </c>
      <c r="C634" s="3" t="s">
        <v>6541</v>
      </c>
    </row>
    <row r="635" spans="1:3" ht="27" x14ac:dyDescent="0.15">
      <c r="A635" s="3">
        <v>2011414487</v>
      </c>
      <c r="B635" s="4" t="s">
        <v>6661</v>
      </c>
      <c r="C635" s="3" t="s">
        <v>6662</v>
      </c>
    </row>
    <row r="636" spans="1:3" ht="40.5" x14ac:dyDescent="0.15">
      <c r="A636" s="3">
        <v>2011413487</v>
      </c>
      <c r="B636" s="4" t="s">
        <v>5313</v>
      </c>
      <c r="C636" s="3" t="s">
        <v>5314</v>
      </c>
    </row>
    <row r="637" spans="1:3" ht="27" x14ac:dyDescent="0.15">
      <c r="A637" s="3">
        <v>2011411927</v>
      </c>
      <c r="B637" s="4" t="s">
        <v>3415</v>
      </c>
      <c r="C637" s="3" t="s">
        <v>3416</v>
      </c>
    </row>
    <row r="638" spans="1:3" ht="27" x14ac:dyDescent="0.15">
      <c r="A638" s="3">
        <v>2011411928</v>
      </c>
      <c r="B638" s="4" t="s">
        <v>3415</v>
      </c>
      <c r="C638" s="3" t="s">
        <v>3416</v>
      </c>
    </row>
    <row r="639" spans="1:3" ht="27" x14ac:dyDescent="0.15">
      <c r="A639" s="3">
        <v>2011414435</v>
      </c>
      <c r="B639" s="4" t="s">
        <v>3415</v>
      </c>
      <c r="C639" s="3" t="s">
        <v>3416</v>
      </c>
    </row>
    <row r="640" spans="1:3" x14ac:dyDescent="0.15">
      <c r="A640" s="3">
        <v>2011414537</v>
      </c>
      <c r="B640" s="4" t="s">
        <v>6725</v>
      </c>
      <c r="C640" s="3" t="s">
        <v>6726</v>
      </c>
    </row>
    <row r="641" spans="1:3" ht="40.5" x14ac:dyDescent="0.15">
      <c r="A641" s="3">
        <v>2008400652</v>
      </c>
      <c r="B641" s="4" t="s">
        <v>777</v>
      </c>
      <c r="C641" s="3" t="s">
        <v>778</v>
      </c>
    </row>
    <row r="642" spans="1:3" ht="27" x14ac:dyDescent="0.15">
      <c r="A642" s="3">
        <v>2011414253</v>
      </c>
      <c r="B642" s="4" t="s">
        <v>6346</v>
      </c>
      <c r="C642" s="3" t="s">
        <v>778</v>
      </c>
    </row>
    <row r="643" spans="1:3" ht="40.5" x14ac:dyDescent="0.15">
      <c r="A643" s="3">
        <v>2011411942</v>
      </c>
      <c r="B643" s="4" t="s">
        <v>3438</v>
      </c>
      <c r="C643" s="3" t="s">
        <v>3439</v>
      </c>
    </row>
    <row r="644" spans="1:3" ht="27" x14ac:dyDescent="0.15">
      <c r="A644" s="3">
        <v>2011414411</v>
      </c>
      <c r="B644" s="4" t="s">
        <v>6544</v>
      </c>
      <c r="C644" s="3" t="s">
        <v>6545</v>
      </c>
    </row>
    <row r="645" spans="1:3" ht="27" x14ac:dyDescent="0.15">
      <c r="A645" s="3">
        <v>2011410045</v>
      </c>
      <c r="B645" s="4" t="s">
        <v>1131</v>
      </c>
      <c r="C645" s="3" t="s">
        <v>1132</v>
      </c>
    </row>
    <row r="646" spans="1:3" ht="27" x14ac:dyDescent="0.15">
      <c r="A646" s="3">
        <v>2011414352</v>
      </c>
      <c r="B646" s="4" t="s">
        <v>6472</v>
      </c>
      <c r="C646" s="3" t="s">
        <v>1132</v>
      </c>
    </row>
    <row r="647" spans="1:3" ht="27" x14ac:dyDescent="0.15">
      <c r="A647" s="3">
        <v>2011414416</v>
      </c>
      <c r="B647" s="4" t="s">
        <v>1131</v>
      </c>
      <c r="C647" s="3" t="s">
        <v>1132</v>
      </c>
    </row>
    <row r="648" spans="1:3" ht="27" x14ac:dyDescent="0.15">
      <c r="A648" s="3">
        <v>2011414333</v>
      </c>
      <c r="B648" s="4" t="s">
        <v>6450</v>
      </c>
      <c r="C648" s="3" t="s">
        <v>6451</v>
      </c>
    </row>
    <row r="649" spans="1:3" ht="27" x14ac:dyDescent="0.15">
      <c r="A649" s="3">
        <v>2011412604</v>
      </c>
      <c r="B649" s="4" t="s">
        <v>4238</v>
      </c>
      <c r="C649" s="3" t="s">
        <v>4239</v>
      </c>
    </row>
    <row r="650" spans="1:3" ht="27" x14ac:dyDescent="0.15">
      <c r="A650" s="3">
        <v>2011412711</v>
      </c>
      <c r="B650" s="4" t="s">
        <v>4358</v>
      </c>
      <c r="C650" s="3" t="s">
        <v>4359</v>
      </c>
    </row>
    <row r="651" spans="1:3" ht="40.5" x14ac:dyDescent="0.15">
      <c r="A651" s="3">
        <v>2011412991</v>
      </c>
      <c r="B651" s="4" t="s">
        <v>4700</v>
      </c>
      <c r="C651" s="3" t="s">
        <v>4701</v>
      </c>
    </row>
    <row r="652" spans="1:3" x14ac:dyDescent="0.15">
      <c r="A652" s="3">
        <v>2011414489</v>
      </c>
      <c r="B652" s="4" t="s">
        <v>6665</v>
      </c>
      <c r="C652" s="3" t="s">
        <v>6666</v>
      </c>
    </row>
    <row r="653" spans="1:3" ht="27" x14ac:dyDescent="0.15">
      <c r="A653" s="3">
        <v>2011413179</v>
      </c>
      <c r="B653" s="4" t="s">
        <v>4964</v>
      </c>
      <c r="C653" s="3" t="s">
        <v>4965</v>
      </c>
    </row>
    <row r="654" spans="1:3" ht="27" x14ac:dyDescent="0.15">
      <c r="A654" s="3">
        <v>2011413217</v>
      </c>
      <c r="B654" s="4" t="s">
        <v>5018</v>
      </c>
      <c r="C654" s="3" t="s">
        <v>4965</v>
      </c>
    </row>
    <row r="655" spans="1:3" x14ac:dyDescent="0.15">
      <c r="A655" s="3">
        <v>2011413218</v>
      </c>
      <c r="B655" s="4" t="s">
        <v>5019</v>
      </c>
      <c r="C655" s="3" t="s">
        <v>4965</v>
      </c>
    </row>
    <row r="656" spans="1:3" ht="54" x14ac:dyDescent="0.15">
      <c r="A656" s="3">
        <v>2011414538</v>
      </c>
      <c r="B656" s="4" t="s">
        <v>6727</v>
      </c>
      <c r="C656" s="3" t="s">
        <v>6728</v>
      </c>
    </row>
    <row r="657" spans="1:3" ht="27" x14ac:dyDescent="0.15">
      <c r="A657" s="3">
        <v>2011413461</v>
      </c>
      <c r="B657" s="4" t="s">
        <v>5272</v>
      </c>
      <c r="C657" s="3" t="s">
        <v>5273</v>
      </c>
    </row>
    <row r="658" spans="1:3" ht="27" x14ac:dyDescent="0.15">
      <c r="A658" s="3">
        <v>2011413462</v>
      </c>
      <c r="B658" s="4" t="s">
        <v>5274</v>
      </c>
      <c r="C658" s="3" t="s">
        <v>5273</v>
      </c>
    </row>
    <row r="659" spans="1:3" ht="40.5" x14ac:dyDescent="0.15">
      <c r="A659" s="3">
        <v>2011414334</v>
      </c>
      <c r="B659" s="4" t="s">
        <v>6452</v>
      </c>
      <c r="C659" s="3" t="s">
        <v>6453</v>
      </c>
    </row>
    <row r="660" spans="1:3" ht="27" x14ac:dyDescent="0.15">
      <c r="A660" s="3">
        <v>2011414396</v>
      </c>
      <c r="B660" s="4" t="s">
        <v>6530</v>
      </c>
      <c r="C660" s="3" t="s">
        <v>6453</v>
      </c>
    </row>
    <row r="661" spans="1:3" ht="27" x14ac:dyDescent="0.15">
      <c r="A661" s="3">
        <v>2011413495</v>
      </c>
      <c r="B661" s="4" t="s">
        <v>5324</v>
      </c>
      <c r="C661" s="3" t="s">
        <v>5325</v>
      </c>
    </row>
    <row r="662" spans="1:3" ht="27" x14ac:dyDescent="0.15">
      <c r="A662" s="3">
        <v>2011414181</v>
      </c>
      <c r="B662" s="4" t="s">
        <v>6242</v>
      </c>
      <c r="C662" s="3" t="s">
        <v>6243</v>
      </c>
    </row>
    <row r="663" spans="1:3" ht="27" x14ac:dyDescent="0.15">
      <c r="A663" s="3">
        <v>2011414180</v>
      </c>
      <c r="B663" s="4" t="s">
        <v>6240</v>
      </c>
      <c r="C663" s="3" t="s">
        <v>6241</v>
      </c>
    </row>
    <row r="664" spans="1:3" ht="40.5" x14ac:dyDescent="0.15">
      <c r="A664" s="3">
        <v>2011413869</v>
      </c>
      <c r="B664" s="4" t="s">
        <v>5811</v>
      </c>
      <c r="C664" s="3" t="s">
        <v>5812</v>
      </c>
    </row>
    <row r="665" spans="1:3" ht="40.5" x14ac:dyDescent="0.15">
      <c r="A665" s="3">
        <v>2011414471</v>
      </c>
      <c r="B665" s="4" t="s">
        <v>5811</v>
      </c>
      <c r="C665" s="3" t="s">
        <v>5812</v>
      </c>
    </row>
    <row r="666" spans="1:3" ht="27" x14ac:dyDescent="0.15">
      <c r="A666" s="3">
        <v>2011414182</v>
      </c>
      <c r="B666" s="4" t="s">
        <v>6244</v>
      </c>
      <c r="C666" s="3" t="s">
        <v>6245</v>
      </c>
    </row>
    <row r="667" spans="1:3" ht="27" x14ac:dyDescent="0.15">
      <c r="A667" s="3">
        <v>2011414183</v>
      </c>
      <c r="B667" s="4" t="s">
        <v>6244</v>
      </c>
      <c r="C667" s="3" t="s">
        <v>6245</v>
      </c>
    </row>
    <row r="668" spans="1:3" ht="40.5" x14ac:dyDescent="0.15">
      <c r="A668" s="3">
        <v>2011414220</v>
      </c>
      <c r="B668" s="4" t="s">
        <v>6302</v>
      </c>
      <c r="C668" s="3" t="s">
        <v>6303</v>
      </c>
    </row>
    <row r="669" spans="1:3" ht="27" x14ac:dyDescent="0.15">
      <c r="A669" s="3">
        <v>2011412130</v>
      </c>
      <c r="B669" s="4" t="s">
        <v>3647</v>
      </c>
      <c r="C669" s="3" t="s">
        <v>3648</v>
      </c>
    </row>
    <row r="670" spans="1:3" ht="27" x14ac:dyDescent="0.15">
      <c r="A670" s="3">
        <v>2011412876</v>
      </c>
      <c r="B670" s="4" t="s">
        <v>4544</v>
      </c>
      <c r="C670" s="3" t="s">
        <v>4545</v>
      </c>
    </row>
    <row r="671" spans="1:3" ht="27" x14ac:dyDescent="0.15">
      <c r="A671" s="3">
        <v>2011413161</v>
      </c>
      <c r="B671" s="4" t="s">
        <v>4941</v>
      </c>
      <c r="C671" s="3" t="s">
        <v>4942</v>
      </c>
    </row>
    <row r="672" spans="1:3" ht="27" x14ac:dyDescent="0.15">
      <c r="A672" s="3">
        <v>2011413203</v>
      </c>
      <c r="B672" s="4" t="s">
        <v>4997</v>
      </c>
      <c r="C672" s="3" t="s">
        <v>4998</v>
      </c>
    </row>
    <row r="673" spans="1:3" x14ac:dyDescent="0.15">
      <c r="A673" s="3">
        <v>2011413207</v>
      </c>
      <c r="B673" s="4" t="s">
        <v>5004</v>
      </c>
      <c r="C673" s="3" t="s">
        <v>4998</v>
      </c>
    </row>
    <row r="674" spans="1:3" ht="54" x14ac:dyDescent="0.15">
      <c r="A674" s="3">
        <v>2011413209</v>
      </c>
      <c r="B674" s="4" t="s">
        <v>5007</v>
      </c>
      <c r="C674" s="3" t="s">
        <v>4998</v>
      </c>
    </row>
    <row r="675" spans="1:3" ht="54" x14ac:dyDescent="0.15">
      <c r="A675" s="3">
        <v>2011414364</v>
      </c>
      <c r="B675" s="4" t="s">
        <v>5007</v>
      </c>
      <c r="C675" s="3" t="s">
        <v>4998</v>
      </c>
    </row>
    <row r="676" spans="1:3" ht="27" x14ac:dyDescent="0.15">
      <c r="A676" s="3">
        <v>2011414363</v>
      </c>
      <c r="B676" s="4" t="s">
        <v>6485</v>
      </c>
      <c r="C676" s="3" t="s">
        <v>6486</v>
      </c>
    </row>
    <row r="677" spans="1:3" ht="27" x14ac:dyDescent="0.15">
      <c r="A677" s="3">
        <v>2011413204</v>
      </c>
      <c r="B677" s="4" t="s">
        <v>4999</v>
      </c>
      <c r="C677" s="3" t="s">
        <v>5000</v>
      </c>
    </row>
    <row r="678" spans="1:3" ht="27" x14ac:dyDescent="0.15">
      <c r="A678" s="3">
        <v>2011413208</v>
      </c>
      <c r="B678" s="4" t="s">
        <v>5005</v>
      </c>
      <c r="C678" s="3" t="s">
        <v>5006</v>
      </c>
    </row>
    <row r="679" spans="1:3" ht="27" x14ac:dyDescent="0.15">
      <c r="A679" s="3">
        <v>2011413205</v>
      </c>
      <c r="B679" s="4" t="s">
        <v>5001</v>
      </c>
      <c r="C679" s="3" t="s">
        <v>5002</v>
      </c>
    </row>
    <row r="680" spans="1:3" ht="27" x14ac:dyDescent="0.15">
      <c r="A680" s="3">
        <v>2011413206</v>
      </c>
      <c r="B680" s="4" t="s">
        <v>5003</v>
      </c>
      <c r="C680" s="3" t="s">
        <v>5002</v>
      </c>
    </row>
    <row r="681" spans="1:3" x14ac:dyDescent="0.15">
      <c r="A681" s="3">
        <v>2011411921</v>
      </c>
      <c r="B681" s="4" t="s">
        <v>3406</v>
      </c>
      <c r="C681" s="3" t="s">
        <v>3407</v>
      </c>
    </row>
    <row r="682" spans="1:3" ht="27" x14ac:dyDescent="0.15">
      <c r="A682" s="3">
        <v>2011410221</v>
      </c>
      <c r="B682" s="4" t="s">
        <v>1372</v>
      </c>
      <c r="C682" s="3" t="s">
        <v>1373</v>
      </c>
    </row>
    <row r="683" spans="1:3" ht="27" x14ac:dyDescent="0.15">
      <c r="A683" s="3">
        <v>2011410222</v>
      </c>
      <c r="B683" s="4" t="s">
        <v>1374</v>
      </c>
      <c r="C683" s="3" t="s">
        <v>1373</v>
      </c>
    </row>
    <row r="684" spans="1:3" ht="40.5" x14ac:dyDescent="0.15">
      <c r="A684" s="3">
        <v>2011410414</v>
      </c>
      <c r="B684" s="4" t="s">
        <v>1605</v>
      </c>
      <c r="C684" s="3" t="s">
        <v>1606</v>
      </c>
    </row>
    <row r="685" spans="1:3" ht="40.5" x14ac:dyDescent="0.15">
      <c r="A685" s="3">
        <v>2011410415</v>
      </c>
      <c r="B685" s="4" t="s">
        <v>1605</v>
      </c>
      <c r="C685" s="3" t="s">
        <v>1607</v>
      </c>
    </row>
    <row r="686" spans="1:3" ht="27" x14ac:dyDescent="0.15">
      <c r="A686" s="3">
        <v>2011410356</v>
      </c>
      <c r="B686" s="4" t="s">
        <v>1536</v>
      </c>
      <c r="C686" s="3" t="s">
        <v>1537</v>
      </c>
    </row>
    <row r="687" spans="1:3" ht="27" x14ac:dyDescent="0.15">
      <c r="A687" s="3">
        <v>2011410620</v>
      </c>
      <c r="B687" s="4" t="s">
        <v>1872</v>
      </c>
      <c r="C687" s="3" t="s">
        <v>1537</v>
      </c>
    </row>
    <row r="688" spans="1:3" ht="27" x14ac:dyDescent="0.15">
      <c r="A688" s="3">
        <v>2011410622</v>
      </c>
      <c r="B688" s="4" t="s">
        <v>1875</v>
      </c>
      <c r="C688" s="3" t="s">
        <v>1537</v>
      </c>
    </row>
    <row r="689" spans="1:3" ht="27" x14ac:dyDescent="0.15">
      <c r="A689" s="3">
        <v>2011410718</v>
      </c>
      <c r="B689" s="4" t="s">
        <v>2002</v>
      </c>
      <c r="C689" s="3" t="s">
        <v>2003</v>
      </c>
    </row>
    <row r="690" spans="1:3" ht="27" x14ac:dyDescent="0.15">
      <c r="A690" s="3">
        <v>2011410991</v>
      </c>
      <c r="B690" s="4" t="s">
        <v>2291</v>
      </c>
      <c r="C690" s="3" t="s">
        <v>2003</v>
      </c>
    </row>
    <row r="691" spans="1:3" ht="40.5" x14ac:dyDescent="0.15">
      <c r="A691" s="3">
        <v>2011411943</v>
      </c>
      <c r="B691" s="4" t="s">
        <v>3440</v>
      </c>
      <c r="C691" s="3" t="s">
        <v>3441</v>
      </c>
    </row>
    <row r="692" spans="1:3" ht="40.5" x14ac:dyDescent="0.15">
      <c r="A692" s="3">
        <v>2011414391</v>
      </c>
      <c r="B692" s="4" t="s">
        <v>3440</v>
      </c>
      <c r="C692" s="3" t="s">
        <v>3441</v>
      </c>
    </row>
    <row r="693" spans="1:3" ht="40.5" x14ac:dyDescent="0.15">
      <c r="A693" s="3">
        <v>2011414397</v>
      </c>
      <c r="B693" s="4" t="s">
        <v>3440</v>
      </c>
      <c r="C693" s="3" t="s">
        <v>3441</v>
      </c>
    </row>
    <row r="694" spans="1:3" x14ac:dyDescent="0.15">
      <c r="A694" s="3">
        <v>2011412352</v>
      </c>
      <c r="B694" s="4" t="s">
        <v>3891</v>
      </c>
      <c r="C694" s="3" t="s">
        <v>3892</v>
      </c>
    </row>
    <row r="695" spans="1:3" ht="27" x14ac:dyDescent="0.15">
      <c r="A695" s="3">
        <v>2011413867</v>
      </c>
      <c r="B695" s="4" t="s">
        <v>5808</v>
      </c>
      <c r="C695" s="3" t="s">
        <v>5809</v>
      </c>
    </row>
    <row r="696" spans="1:3" ht="27" x14ac:dyDescent="0.15">
      <c r="A696" s="3">
        <v>2011413866</v>
      </c>
      <c r="B696" s="4" t="s">
        <v>5806</v>
      </c>
      <c r="C696" s="3" t="s">
        <v>5807</v>
      </c>
    </row>
    <row r="697" spans="1:3" ht="27" x14ac:dyDescent="0.15">
      <c r="A697" s="3">
        <v>2011413868</v>
      </c>
      <c r="B697" s="4" t="s">
        <v>5810</v>
      </c>
      <c r="C697" s="3" t="s">
        <v>5807</v>
      </c>
    </row>
    <row r="698" spans="1:3" ht="27" x14ac:dyDescent="0.15">
      <c r="A698" s="3">
        <v>2011413533</v>
      </c>
      <c r="B698" s="4" t="s">
        <v>5370</v>
      </c>
      <c r="C698" s="3" t="s">
        <v>5371</v>
      </c>
    </row>
    <row r="699" spans="1:3" ht="27" x14ac:dyDescent="0.15">
      <c r="A699" s="3">
        <v>2011412772</v>
      </c>
      <c r="B699" s="4" t="s">
        <v>4429</v>
      </c>
      <c r="C699" s="3" t="s">
        <v>4430</v>
      </c>
    </row>
    <row r="700" spans="1:3" ht="27" x14ac:dyDescent="0.15">
      <c r="A700" s="3">
        <v>2011410096</v>
      </c>
      <c r="B700" s="4" t="s">
        <v>1212</v>
      </c>
      <c r="C700" s="3" t="s">
        <v>1213</v>
      </c>
    </row>
    <row r="701" spans="1:3" ht="27" x14ac:dyDescent="0.15">
      <c r="A701" s="3">
        <v>2011410097</v>
      </c>
      <c r="B701" s="4" t="s">
        <v>1214</v>
      </c>
      <c r="C701" s="3" t="s">
        <v>1213</v>
      </c>
    </row>
    <row r="702" spans="1:3" ht="27" x14ac:dyDescent="0.15">
      <c r="A702" s="3">
        <v>2011410098</v>
      </c>
      <c r="B702" s="4" t="s">
        <v>1215</v>
      </c>
      <c r="C702" s="3" t="s">
        <v>1213</v>
      </c>
    </row>
    <row r="703" spans="1:3" ht="27" x14ac:dyDescent="0.15">
      <c r="A703" s="3">
        <v>2011410099</v>
      </c>
      <c r="B703" s="4" t="s">
        <v>1216</v>
      </c>
      <c r="C703" s="3" t="s">
        <v>1213</v>
      </c>
    </row>
    <row r="704" spans="1:3" ht="27" x14ac:dyDescent="0.15">
      <c r="A704" s="3">
        <v>2011410100</v>
      </c>
      <c r="B704" s="4" t="s">
        <v>1217</v>
      </c>
      <c r="C704" s="3" t="s">
        <v>1213</v>
      </c>
    </row>
    <row r="705" spans="1:3" ht="27" x14ac:dyDescent="0.15">
      <c r="A705" s="3">
        <v>2011410101</v>
      </c>
      <c r="B705" s="4" t="s">
        <v>1218</v>
      </c>
      <c r="C705" s="3" t="s">
        <v>1213</v>
      </c>
    </row>
    <row r="706" spans="1:3" ht="27" x14ac:dyDescent="0.15">
      <c r="A706" s="3">
        <v>2011410102</v>
      </c>
      <c r="B706" s="4" t="s">
        <v>1219</v>
      </c>
      <c r="C706" s="3" t="s">
        <v>1213</v>
      </c>
    </row>
    <row r="707" spans="1:3" ht="27" x14ac:dyDescent="0.15">
      <c r="A707" s="3">
        <v>2011410103</v>
      </c>
      <c r="B707" s="4" t="s">
        <v>1220</v>
      </c>
      <c r="C707" s="3" t="s">
        <v>1213</v>
      </c>
    </row>
    <row r="708" spans="1:3" ht="27" x14ac:dyDescent="0.15">
      <c r="A708" s="3">
        <v>2011410104</v>
      </c>
      <c r="B708" s="4" t="s">
        <v>1221</v>
      </c>
      <c r="C708" s="3" t="s">
        <v>1213</v>
      </c>
    </row>
    <row r="709" spans="1:3" ht="27" x14ac:dyDescent="0.15">
      <c r="A709" s="3">
        <v>2011410216</v>
      </c>
      <c r="B709" s="4" t="s">
        <v>1367</v>
      </c>
      <c r="C709" s="3" t="s">
        <v>1213</v>
      </c>
    </row>
    <row r="710" spans="1:3" ht="27" x14ac:dyDescent="0.15">
      <c r="A710" s="3">
        <v>2011410010</v>
      </c>
      <c r="B710" s="4" t="s">
        <v>1072</v>
      </c>
      <c r="C710" s="3" t="s">
        <v>1073</v>
      </c>
    </row>
    <row r="711" spans="1:3" ht="27" x14ac:dyDescent="0.15">
      <c r="A711" s="3">
        <v>2011410105</v>
      </c>
      <c r="B711" s="4" t="s">
        <v>1222</v>
      </c>
      <c r="C711" s="3" t="s">
        <v>1223</v>
      </c>
    </row>
    <row r="712" spans="1:3" ht="27" x14ac:dyDescent="0.15">
      <c r="A712" s="3">
        <v>2011410106</v>
      </c>
      <c r="B712" s="4" t="s">
        <v>1224</v>
      </c>
      <c r="C712" s="3" t="s">
        <v>1223</v>
      </c>
    </row>
    <row r="713" spans="1:3" ht="27" x14ac:dyDescent="0.15">
      <c r="A713" s="3">
        <v>2011410112</v>
      </c>
      <c r="B713" s="4" t="s">
        <v>1232</v>
      </c>
      <c r="C713" s="3" t="s">
        <v>1223</v>
      </c>
    </row>
    <row r="714" spans="1:3" ht="27" x14ac:dyDescent="0.15">
      <c r="A714" s="3">
        <v>2011410113</v>
      </c>
      <c r="B714" s="4" t="s">
        <v>1233</v>
      </c>
      <c r="C714" s="3" t="s">
        <v>1223</v>
      </c>
    </row>
    <row r="715" spans="1:3" ht="40.5" x14ac:dyDescent="0.15">
      <c r="A715" s="3">
        <v>2011410117</v>
      </c>
      <c r="B715" s="4" t="s">
        <v>1238</v>
      </c>
      <c r="C715" s="3" t="s">
        <v>1239</v>
      </c>
    </row>
    <row r="716" spans="1:3" ht="27" x14ac:dyDescent="0.15">
      <c r="A716" s="3">
        <v>2011410224</v>
      </c>
      <c r="B716" s="4" t="s">
        <v>1376</v>
      </c>
      <c r="C716" s="3" t="s">
        <v>1239</v>
      </c>
    </row>
    <row r="717" spans="1:3" ht="27" x14ac:dyDescent="0.15">
      <c r="A717" s="3">
        <v>2011412648</v>
      </c>
      <c r="B717" s="4" t="s">
        <v>4297</v>
      </c>
      <c r="C717" s="3" t="s">
        <v>1239</v>
      </c>
    </row>
    <row r="718" spans="1:3" ht="27" x14ac:dyDescent="0.15">
      <c r="A718" s="3">
        <v>2011410149</v>
      </c>
      <c r="B718" s="4" t="s">
        <v>1280</v>
      </c>
      <c r="C718" s="3" t="s">
        <v>1281</v>
      </c>
    </row>
    <row r="719" spans="1:3" ht="27" x14ac:dyDescent="0.15">
      <c r="A719" s="3">
        <v>2011410151</v>
      </c>
      <c r="B719" s="4" t="s">
        <v>1284</v>
      </c>
      <c r="C719" s="3" t="s">
        <v>1285</v>
      </c>
    </row>
    <row r="720" spans="1:3" ht="27" x14ac:dyDescent="0.15">
      <c r="A720" s="3">
        <v>2011410152</v>
      </c>
      <c r="B720" s="4" t="s">
        <v>1286</v>
      </c>
      <c r="C720" s="3" t="s">
        <v>1285</v>
      </c>
    </row>
    <row r="721" spans="1:3" x14ac:dyDescent="0.15">
      <c r="A721" s="3">
        <v>2011410233</v>
      </c>
      <c r="B721" s="4" t="s">
        <v>1387</v>
      </c>
      <c r="C721" s="3" t="s">
        <v>1285</v>
      </c>
    </row>
    <row r="722" spans="1:3" x14ac:dyDescent="0.15">
      <c r="A722" s="3">
        <v>2011410161</v>
      </c>
      <c r="B722" s="4" t="s">
        <v>1297</v>
      </c>
      <c r="C722" s="3" t="s">
        <v>1298</v>
      </c>
    </row>
    <row r="723" spans="1:3" ht="27" x14ac:dyDescent="0.15">
      <c r="A723" s="3">
        <v>2011410162</v>
      </c>
      <c r="B723" s="4" t="s">
        <v>1299</v>
      </c>
      <c r="C723" s="3" t="s">
        <v>1300</v>
      </c>
    </row>
    <row r="724" spans="1:3" ht="27" x14ac:dyDescent="0.15">
      <c r="A724" s="3">
        <v>2011410163</v>
      </c>
      <c r="B724" s="4" t="s">
        <v>1301</v>
      </c>
      <c r="C724" s="3" t="s">
        <v>1300</v>
      </c>
    </row>
    <row r="725" spans="1:3" ht="27" x14ac:dyDescent="0.15">
      <c r="A725" s="3">
        <v>2011410164</v>
      </c>
      <c r="B725" s="4" t="s">
        <v>1302</v>
      </c>
      <c r="C725" s="3" t="s">
        <v>1300</v>
      </c>
    </row>
    <row r="726" spans="1:3" ht="27" x14ac:dyDescent="0.15">
      <c r="A726" s="3">
        <v>2011410165</v>
      </c>
      <c r="B726" s="4" t="s">
        <v>1303</v>
      </c>
      <c r="C726" s="3" t="s">
        <v>1300</v>
      </c>
    </row>
    <row r="727" spans="1:3" ht="27" x14ac:dyDescent="0.15">
      <c r="A727" s="3">
        <v>2011410166</v>
      </c>
      <c r="B727" s="4" t="s">
        <v>1304</v>
      </c>
      <c r="C727" s="3" t="s">
        <v>1300</v>
      </c>
    </row>
    <row r="728" spans="1:3" ht="27" x14ac:dyDescent="0.15">
      <c r="A728" s="3">
        <v>2011410167</v>
      </c>
      <c r="B728" s="4" t="s">
        <v>1305</v>
      </c>
      <c r="C728" s="3" t="s">
        <v>1300</v>
      </c>
    </row>
    <row r="729" spans="1:3" ht="27" x14ac:dyDescent="0.15">
      <c r="A729" s="3">
        <v>2011410168</v>
      </c>
      <c r="B729" s="4" t="s">
        <v>1306</v>
      </c>
      <c r="C729" s="3" t="s">
        <v>1300</v>
      </c>
    </row>
    <row r="730" spans="1:3" ht="27" x14ac:dyDescent="0.15">
      <c r="A730" s="3">
        <v>2011410169</v>
      </c>
      <c r="B730" s="4" t="s">
        <v>1307</v>
      </c>
      <c r="C730" s="3" t="s">
        <v>1300</v>
      </c>
    </row>
    <row r="731" spans="1:3" ht="27" x14ac:dyDescent="0.15">
      <c r="A731" s="3">
        <v>2011410170</v>
      </c>
      <c r="B731" s="4" t="s">
        <v>1308</v>
      </c>
      <c r="C731" s="3" t="s">
        <v>1300</v>
      </c>
    </row>
    <row r="732" spans="1:3" ht="27" x14ac:dyDescent="0.15">
      <c r="A732" s="3">
        <v>2011410171</v>
      </c>
      <c r="B732" s="4" t="s">
        <v>1309</v>
      </c>
      <c r="C732" s="3" t="s">
        <v>1300</v>
      </c>
    </row>
    <row r="733" spans="1:3" ht="27" x14ac:dyDescent="0.15">
      <c r="A733" s="3">
        <v>2011410172</v>
      </c>
      <c r="B733" s="4" t="s">
        <v>1310</v>
      </c>
      <c r="C733" s="3" t="s">
        <v>1300</v>
      </c>
    </row>
    <row r="734" spans="1:3" ht="27" x14ac:dyDescent="0.15">
      <c r="A734" s="3">
        <v>2011410173</v>
      </c>
      <c r="B734" s="4" t="s">
        <v>1311</v>
      </c>
      <c r="C734" s="3" t="s">
        <v>1300</v>
      </c>
    </row>
    <row r="735" spans="1:3" ht="27" x14ac:dyDescent="0.15">
      <c r="A735" s="3">
        <v>2011410174</v>
      </c>
      <c r="B735" s="4" t="s">
        <v>1312</v>
      </c>
      <c r="C735" s="3" t="s">
        <v>1300</v>
      </c>
    </row>
    <row r="736" spans="1:3" ht="27" x14ac:dyDescent="0.15">
      <c r="A736" s="3">
        <v>2011410175</v>
      </c>
      <c r="B736" s="4" t="s">
        <v>1313</v>
      </c>
      <c r="C736" s="3" t="s">
        <v>1300</v>
      </c>
    </row>
    <row r="737" spans="1:3" ht="27" x14ac:dyDescent="0.15">
      <c r="A737" s="3">
        <v>2011410176</v>
      </c>
      <c r="B737" s="4" t="s">
        <v>1314</v>
      </c>
      <c r="C737" s="3" t="s">
        <v>1300</v>
      </c>
    </row>
    <row r="738" spans="1:3" ht="40.5" x14ac:dyDescent="0.15">
      <c r="A738" s="3">
        <v>2011410177</v>
      </c>
      <c r="B738" s="4" t="s">
        <v>1315</v>
      </c>
      <c r="C738" s="3" t="s">
        <v>1300</v>
      </c>
    </row>
    <row r="739" spans="1:3" ht="27" x14ac:dyDescent="0.15">
      <c r="A739" s="3">
        <v>2011410178</v>
      </c>
      <c r="B739" s="4" t="s">
        <v>1316</v>
      </c>
      <c r="C739" s="3" t="s">
        <v>1300</v>
      </c>
    </row>
    <row r="740" spans="1:3" ht="27" x14ac:dyDescent="0.15">
      <c r="A740" s="3">
        <v>2011410179</v>
      </c>
      <c r="B740" s="4" t="s">
        <v>1317</v>
      </c>
      <c r="C740" s="3" t="s">
        <v>1300</v>
      </c>
    </row>
    <row r="741" spans="1:3" ht="27" x14ac:dyDescent="0.15">
      <c r="A741" s="3">
        <v>2011410180</v>
      </c>
      <c r="B741" s="4" t="s">
        <v>1318</v>
      </c>
      <c r="C741" s="3" t="s">
        <v>1300</v>
      </c>
    </row>
    <row r="742" spans="1:3" x14ac:dyDescent="0.15">
      <c r="A742" s="3">
        <v>2011410236</v>
      </c>
      <c r="B742" s="4" t="s">
        <v>1392</v>
      </c>
      <c r="C742" s="3" t="s">
        <v>1300</v>
      </c>
    </row>
    <row r="743" spans="1:3" x14ac:dyDescent="0.15">
      <c r="A743" s="3">
        <v>2011410237</v>
      </c>
      <c r="B743" s="4" t="s">
        <v>1393</v>
      </c>
      <c r="C743" s="3" t="s">
        <v>1300</v>
      </c>
    </row>
    <row r="744" spans="1:3" ht="27" x14ac:dyDescent="0.15">
      <c r="A744" s="3">
        <v>2011410187</v>
      </c>
      <c r="B744" s="4" t="s">
        <v>1330</v>
      </c>
      <c r="C744" s="3" t="s">
        <v>1331</v>
      </c>
    </row>
    <row r="745" spans="1:3" ht="27" x14ac:dyDescent="0.15">
      <c r="A745" s="3">
        <v>2011410188</v>
      </c>
      <c r="B745" s="4" t="s">
        <v>1330</v>
      </c>
      <c r="C745" s="3" t="s">
        <v>1331</v>
      </c>
    </row>
    <row r="746" spans="1:3" ht="27" x14ac:dyDescent="0.15">
      <c r="A746" s="3">
        <v>2011410189</v>
      </c>
      <c r="B746" s="4" t="s">
        <v>1330</v>
      </c>
      <c r="C746" s="3" t="s">
        <v>1332</v>
      </c>
    </row>
    <row r="747" spans="1:3" ht="27" x14ac:dyDescent="0.15">
      <c r="A747" s="3">
        <v>2011410190</v>
      </c>
      <c r="B747" s="4" t="s">
        <v>1333</v>
      </c>
      <c r="C747" s="3" t="s">
        <v>1334</v>
      </c>
    </row>
    <row r="748" spans="1:3" ht="27" x14ac:dyDescent="0.15">
      <c r="A748" s="3">
        <v>2011410191</v>
      </c>
      <c r="B748" s="4" t="s">
        <v>1335</v>
      </c>
      <c r="C748" s="3" t="s">
        <v>1334</v>
      </c>
    </row>
    <row r="749" spans="1:3" ht="27" x14ac:dyDescent="0.15">
      <c r="A749" s="3">
        <v>2011410192</v>
      </c>
      <c r="B749" s="4" t="s">
        <v>1336</v>
      </c>
      <c r="C749" s="3" t="s">
        <v>1334</v>
      </c>
    </row>
    <row r="750" spans="1:3" ht="27" x14ac:dyDescent="0.15">
      <c r="A750" s="3">
        <v>2011410193</v>
      </c>
      <c r="B750" s="4" t="s">
        <v>1337</v>
      </c>
      <c r="C750" s="3" t="s">
        <v>1334</v>
      </c>
    </row>
    <row r="751" spans="1:3" ht="27" x14ac:dyDescent="0.15">
      <c r="A751" s="3">
        <v>2011410194</v>
      </c>
      <c r="B751" s="4" t="s">
        <v>1338</v>
      </c>
      <c r="C751" s="3" t="s">
        <v>1334</v>
      </c>
    </row>
    <row r="752" spans="1:3" ht="27" x14ac:dyDescent="0.15">
      <c r="A752" s="3">
        <v>2011410195</v>
      </c>
      <c r="B752" s="4" t="s">
        <v>1339</v>
      </c>
      <c r="C752" s="3" t="s">
        <v>1334</v>
      </c>
    </row>
    <row r="753" spans="1:3" ht="27" x14ac:dyDescent="0.15">
      <c r="A753" s="3">
        <v>2011410196</v>
      </c>
      <c r="B753" s="4" t="s">
        <v>1340</v>
      </c>
      <c r="C753" s="3" t="s">
        <v>1334</v>
      </c>
    </row>
    <row r="754" spans="1:3" ht="27" x14ac:dyDescent="0.15">
      <c r="A754" s="3">
        <v>2011410197</v>
      </c>
      <c r="B754" s="4" t="s">
        <v>1341</v>
      </c>
      <c r="C754" s="3" t="s">
        <v>1334</v>
      </c>
    </row>
    <row r="755" spans="1:3" ht="27" x14ac:dyDescent="0.15">
      <c r="A755" s="3">
        <v>2011410198</v>
      </c>
      <c r="B755" s="4" t="s">
        <v>1342</v>
      </c>
      <c r="C755" s="3" t="s">
        <v>1334</v>
      </c>
    </row>
    <row r="756" spans="1:3" ht="27" x14ac:dyDescent="0.15">
      <c r="A756" s="3">
        <v>2011410204</v>
      </c>
      <c r="B756" s="4" t="s">
        <v>1349</v>
      </c>
      <c r="C756" s="3" t="s">
        <v>1350</v>
      </c>
    </row>
    <row r="757" spans="1:3" ht="27" x14ac:dyDescent="0.15">
      <c r="A757" s="3">
        <v>2011410206</v>
      </c>
      <c r="B757" s="4" t="s">
        <v>1352</v>
      </c>
      <c r="C757" s="3" t="s">
        <v>1353</v>
      </c>
    </row>
    <row r="758" spans="1:3" ht="27" x14ac:dyDescent="0.15">
      <c r="A758" s="3">
        <v>2011410011</v>
      </c>
      <c r="B758" s="4" t="s">
        <v>1074</v>
      </c>
      <c r="C758" s="3" t="s">
        <v>1075</v>
      </c>
    </row>
    <row r="759" spans="1:3" ht="27" x14ac:dyDescent="0.15">
      <c r="A759" s="3">
        <v>2011410012</v>
      </c>
      <c r="B759" s="4" t="s">
        <v>1076</v>
      </c>
      <c r="C759" s="3" t="s">
        <v>1075</v>
      </c>
    </row>
    <row r="760" spans="1:3" x14ac:dyDescent="0.15">
      <c r="A760" s="3">
        <v>2011410013</v>
      </c>
      <c r="B760" s="4" t="s">
        <v>1077</v>
      </c>
      <c r="C760" s="3" t="s">
        <v>1075</v>
      </c>
    </row>
    <row r="761" spans="1:3" ht="27" x14ac:dyDescent="0.15">
      <c r="A761" s="3">
        <v>2011410209</v>
      </c>
      <c r="B761" s="4" t="s">
        <v>1358</v>
      </c>
      <c r="C761" s="3" t="s">
        <v>1359</v>
      </c>
    </row>
    <row r="762" spans="1:3" ht="27" x14ac:dyDescent="0.15">
      <c r="A762" s="3">
        <v>2011410210</v>
      </c>
      <c r="B762" s="4" t="s">
        <v>1360</v>
      </c>
      <c r="C762" s="3" t="s">
        <v>1359</v>
      </c>
    </row>
    <row r="763" spans="1:3" ht="27" x14ac:dyDescent="0.15">
      <c r="A763" s="3">
        <v>2011410213</v>
      </c>
      <c r="B763" s="4" t="s">
        <v>1364</v>
      </c>
      <c r="C763" s="3" t="s">
        <v>1359</v>
      </c>
    </row>
    <row r="764" spans="1:3" ht="27" x14ac:dyDescent="0.15">
      <c r="A764" s="3">
        <v>2011410214</v>
      </c>
      <c r="B764" s="4" t="s">
        <v>1365</v>
      </c>
      <c r="C764" s="3" t="s">
        <v>1359</v>
      </c>
    </row>
    <row r="765" spans="1:3" ht="27" x14ac:dyDescent="0.15">
      <c r="A765" s="3">
        <v>2011410215</v>
      </c>
      <c r="B765" s="4" t="s">
        <v>1366</v>
      </c>
      <c r="C765" s="3" t="s">
        <v>1359</v>
      </c>
    </row>
    <row r="766" spans="1:3" x14ac:dyDescent="0.15">
      <c r="A766" s="3">
        <v>2011410241</v>
      </c>
      <c r="B766" s="4" t="s">
        <v>1400</v>
      </c>
      <c r="C766" s="3" t="s">
        <v>1359</v>
      </c>
    </row>
    <row r="767" spans="1:3" ht="27" x14ac:dyDescent="0.15">
      <c r="A767" s="3">
        <v>2011410252</v>
      </c>
      <c r="B767" s="4" t="s">
        <v>1410</v>
      </c>
      <c r="C767" s="3" t="s">
        <v>1411</v>
      </c>
    </row>
    <row r="768" spans="1:3" ht="27" x14ac:dyDescent="0.15">
      <c r="A768" s="3">
        <v>2011410253</v>
      </c>
      <c r="B768" s="4" t="s">
        <v>1412</v>
      </c>
      <c r="C768" s="3" t="s">
        <v>1411</v>
      </c>
    </row>
    <row r="769" spans="1:3" x14ac:dyDescent="0.15">
      <c r="A769" s="3">
        <v>2008400005</v>
      </c>
      <c r="B769" s="4" t="s">
        <v>11</v>
      </c>
      <c r="C769" s="3" t="s">
        <v>12</v>
      </c>
    </row>
    <row r="770" spans="1:3" ht="27" x14ac:dyDescent="0.15">
      <c r="A770" s="3">
        <v>2011410254</v>
      </c>
      <c r="B770" s="4" t="s">
        <v>1413</v>
      </c>
      <c r="C770" s="3" t="s">
        <v>12</v>
      </c>
    </row>
    <row r="771" spans="1:3" ht="27" x14ac:dyDescent="0.15">
      <c r="A771" s="3">
        <v>2011410255</v>
      </c>
      <c r="B771" s="4" t="s">
        <v>1414</v>
      </c>
      <c r="C771" s="3" t="s">
        <v>12</v>
      </c>
    </row>
    <row r="772" spans="1:3" ht="27" x14ac:dyDescent="0.15">
      <c r="A772" s="3">
        <v>2011410256</v>
      </c>
      <c r="B772" s="4" t="s">
        <v>1415</v>
      </c>
      <c r="C772" s="3" t="s">
        <v>12</v>
      </c>
    </row>
    <row r="773" spans="1:3" ht="27" x14ac:dyDescent="0.15">
      <c r="A773" s="3">
        <v>2011410257</v>
      </c>
      <c r="B773" s="4" t="s">
        <v>1416</v>
      </c>
      <c r="C773" s="3" t="s">
        <v>12</v>
      </c>
    </row>
    <row r="774" spans="1:3" ht="27" x14ac:dyDescent="0.15">
      <c r="A774" s="3">
        <v>2011410258</v>
      </c>
      <c r="B774" s="4" t="s">
        <v>1417</v>
      </c>
      <c r="C774" s="3" t="s">
        <v>12</v>
      </c>
    </row>
    <row r="775" spans="1:3" ht="27" x14ac:dyDescent="0.15">
      <c r="A775" s="3">
        <v>2011410014</v>
      </c>
      <c r="B775" s="4" t="s">
        <v>1078</v>
      </c>
      <c r="C775" s="3" t="s">
        <v>1079</v>
      </c>
    </row>
    <row r="776" spans="1:3" ht="27" x14ac:dyDescent="0.15">
      <c r="A776" s="3">
        <v>2011410263</v>
      </c>
      <c r="B776" s="4" t="s">
        <v>1423</v>
      </c>
      <c r="C776" s="3" t="s">
        <v>1424</v>
      </c>
    </row>
    <row r="777" spans="1:3" ht="27" x14ac:dyDescent="0.15">
      <c r="A777" s="3">
        <v>2011410264</v>
      </c>
      <c r="B777" s="4" t="s">
        <v>1425</v>
      </c>
      <c r="C777" s="3" t="s">
        <v>1424</v>
      </c>
    </row>
    <row r="778" spans="1:3" ht="27" x14ac:dyDescent="0.15">
      <c r="A778" s="3">
        <v>2011410265</v>
      </c>
      <c r="B778" s="4" t="s">
        <v>1426</v>
      </c>
      <c r="C778" s="3" t="s">
        <v>1424</v>
      </c>
    </row>
    <row r="779" spans="1:3" ht="27" x14ac:dyDescent="0.15">
      <c r="A779" s="3">
        <v>2011410266</v>
      </c>
      <c r="B779" s="4" t="s">
        <v>1427</v>
      </c>
      <c r="C779" s="3" t="s">
        <v>1424</v>
      </c>
    </row>
    <row r="780" spans="1:3" ht="27" x14ac:dyDescent="0.15">
      <c r="A780" s="3">
        <v>2011410267</v>
      </c>
      <c r="B780" s="4" t="s">
        <v>1427</v>
      </c>
      <c r="C780" s="3" t="s">
        <v>1424</v>
      </c>
    </row>
    <row r="781" spans="1:3" ht="27" x14ac:dyDescent="0.15">
      <c r="A781" s="3">
        <v>2011410268</v>
      </c>
      <c r="B781" s="4" t="s">
        <v>1428</v>
      </c>
      <c r="C781" s="3" t="s">
        <v>1424</v>
      </c>
    </row>
    <row r="782" spans="1:3" ht="27" x14ac:dyDescent="0.15">
      <c r="A782" s="3">
        <v>2011410269</v>
      </c>
      <c r="B782" s="4" t="s">
        <v>1429</v>
      </c>
      <c r="C782" s="3" t="s">
        <v>1424</v>
      </c>
    </row>
    <row r="783" spans="1:3" ht="27" x14ac:dyDescent="0.15">
      <c r="A783" s="3">
        <v>2011410270</v>
      </c>
      <c r="B783" s="4" t="s">
        <v>1430</v>
      </c>
      <c r="C783" s="3" t="s">
        <v>1424</v>
      </c>
    </row>
    <row r="784" spans="1:3" ht="27" x14ac:dyDescent="0.15">
      <c r="A784" s="3">
        <v>2011410271</v>
      </c>
      <c r="B784" s="4" t="s">
        <v>1431</v>
      </c>
      <c r="C784" s="3" t="s">
        <v>1424</v>
      </c>
    </row>
    <row r="785" spans="1:3" ht="27" x14ac:dyDescent="0.15">
      <c r="A785" s="3">
        <v>2011410272</v>
      </c>
      <c r="B785" s="4" t="s">
        <v>1432</v>
      </c>
      <c r="C785" s="3" t="s">
        <v>1424</v>
      </c>
    </row>
    <row r="786" spans="1:3" ht="27" x14ac:dyDescent="0.15">
      <c r="A786" s="3">
        <v>2011410273</v>
      </c>
      <c r="B786" s="4" t="s">
        <v>1433</v>
      </c>
      <c r="C786" s="3" t="s">
        <v>1424</v>
      </c>
    </row>
    <row r="787" spans="1:3" x14ac:dyDescent="0.15">
      <c r="A787" s="3">
        <v>2011410557</v>
      </c>
      <c r="B787" s="4" t="s">
        <v>1781</v>
      </c>
      <c r="C787" s="3" t="s">
        <v>1424</v>
      </c>
    </row>
    <row r="788" spans="1:3" x14ac:dyDescent="0.15">
      <c r="A788" s="3">
        <v>2011410558</v>
      </c>
      <c r="B788" s="4" t="s">
        <v>1782</v>
      </c>
      <c r="C788" s="3" t="s">
        <v>1424</v>
      </c>
    </row>
    <row r="789" spans="1:3" x14ac:dyDescent="0.15">
      <c r="A789" s="3">
        <v>2011410559</v>
      </c>
      <c r="B789" s="4" t="s">
        <v>1783</v>
      </c>
      <c r="C789" s="3" t="s">
        <v>1424</v>
      </c>
    </row>
    <row r="790" spans="1:3" x14ac:dyDescent="0.15">
      <c r="A790" s="3">
        <v>2011410560</v>
      </c>
      <c r="B790" s="4" t="s">
        <v>1784</v>
      </c>
      <c r="C790" s="3" t="s">
        <v>1424</v>
      </c>
    </row>
    <row r="791" spans="1:3" ht="27" x14ac:dyDescent="0.15">
      <c r="A791" s="3">
        <v>2011410275</v>
      </c>
      <c r="B791" s="4" t="s">
        <v>1436</v>
      </c>
      <c r="C791" s="3" t="s">
        <v>1437</v>
      </c>
    </row>
    <row r="792" spans="1:3" ht="27" x14ac:dyDescent="0.15">
      <c r="A792" s="3">
        <v>2011410276</v>
      </c>
      <c r="B792" s="4" t="s">
        <v>1438</v>
      </c>
      <c r="C792" s="3" t="s">
        <v>1439</v>
      </c>
    </row>
    <row r="793" spans="1:3" ht="27" x14ac:dyDescent="0.15">
      <c r="A793" s="3">
        <v>2011410277</v>
      </c>
      <c r="B793" s="4" t="s">
        <v>1440</v>
      </c>
      <c r="C793" s="3" t="s">
        <v>1439</v>
      </c>
    </row>
    <row r="794" spans="1:3" ht="27" x14ac:dyDescent="0.15">
      <c r="A794" s="3">
        <v>2011413538</v>
      </c>
      <c r="B794" s="4" t="s">
        <v>5376</v>
      </c>
      <c r="C794" s="3" t="s">
        <v>1439</v>
      </c>
    </row>
    <row r="795" spans="1:3" ht="27" x14ac:dyDescent="0.15">
      <c r="A795" s="3">
        <v>2011410292</v>
      </c>
      <c r="B795" s="4" t="s">
        <v>1458</v>
      </c>
      <c r="C795" s="3" t="s">
        <v>1459</v>
      </c>
    </row>
    <row r="796" spans="1:3" ht="27" x14ac:dyDescent="0.15">
      <c r="A796" s="3">
        <v>2011410294</v>
      </c>
      <c r="B796" s="4" t="s">
        <v>1462</v>
      </c>
      <c r="C796" s="3" t="s">
        <v>1463</v>
      </c>
    </row>
    <row r="797" spans="1:3" ht="27" x14ac:dyDescent="0.15">
      <c r="A797" s="3">
        <v>2011414160</v>
      </c>
      <c r="B797" s="4" t="s">
        <v>6210</v>
      </c>
      <c r="C797" s="3" t="s">
        <v>6211</v>
      </c>
    </row>
    <row r="798" spans="1:3" ht="27" x14ac:dyDescent="0.15">
      <c r="A798" s="3">
        <v>2011410288</v>
      </c>
      <c r="B798" s="4" t="s">
        <v>1453</v>
      </c>
      <c r="C798" s="3" t="s">
        <v>1454</v>
      </c>
    </row>
    <row r="799" spans="1:3" ht="27" x14ac:dyDescent="0.15">
      <c r="A799" s="3">
        <v>2011410296</v>
      </c>
      <c r="B799" s="4" t="s">
        <v>1466</v>
      </c>
      <c r="C799" s="3" t="s">
        <v>1454</v>
      </c>
    </row>
    <row r="800" spans="1:3" ht="27" x14ac:dyDescent="0.15">
      <c r="A800" s="3">
        <v>2011410299</v>
      </c>
      <c r="B800" s="4" t="s">
        <v>1470</v>
      </c>
      <c r="C800" s="3" t="s">
        <v>1454</v>
      </c>
    </row>
    <row r="801" spans="1:3" ht="27" x14ac:dyDescent="0.15">
      <c r="A801" s="3">
        <v>2011410300</v>
      </c>
      <c r="B801" s="4" t="s">
        <v>1471</v>
      </c>
      <c r="C801" s="3" t="s">
        <v>1472</v>
      </c>
    </row>
    <row r="802" spans="1:3" ht="27" x14ac:dyDescent="0.15">
      <c r="A802" s="3">
        <v>2011410301</v>
      </c>
      <c r="B802" s="4" t="s">
        <v>1473</v>
      </c>
      <c r="C802" s="3" t="s">
        <v>1472</v>
      </c>
    </row>
    <row r="803" spans="1:3" ht="27" x14ac:dyDescent="0.15">
      <c r="A803" s="3">
        <v>2011410017</v>
      </c>
      <c r="B803" s="4" t="s">
        <v>1084</v>
      </c>
      <c r="C803" s="3" t="s">
        <v>1085</v>
      </c>
    </row>
    <row r="804" spans="1:3" ht="27" x14ac:dyDescent="0.15">
      <c r="A804" s="3">
        <v>2011410303</v>
      </c>
      <c r="B804" s="4" t="s">
        <v>1476</v>
      </c>
      <c r="C804" s="3" t="s">
        <v>1085</v>
      </c>
    </row>
    <row r="805" spans="1:3" ht="27" x14ac:dyDescent="0.15">
      <c r="A805" s="3">
        <v>2011410304</v>
      </c>
      <c r="B805" s="4" t="s">
        <v>1477</v>
      </c>
      <c r="C805" s="3" t="s">
        <v>1085</v>
      </c>
    </row>
    <row r="806" spans="1:3" x14ac:dyDescent="0.15">
      <c r="A806" s="3">
        <v>2011410346</v>
      </c>
      <c r="B806" s="4" t="s">
        <v>1527</v>
      </c>
      <c r="C806" s="3" t="s">
        <v>1085</v>
      </c>
    </row>
    <row r="807" spans="1:3" x14ac:dyDescent="0.15">
      <c r="A807" s="3">
        <v>2011410307</v>
      </c>
      <c r="B807" s="4" t="s">
        <v>1482</v>
      </c>
      <c r="C807" s="3" t="s">
        <v>1483</v>
      </c>
    </row>
    <row r="808" spans="1:3" ht="27" x14ac:dyDescent="0.15">
      <c r="A808" s="3">
        <v>2011410345</v>
      </c>
      <c r="B808" s="4" t="s">
        <v>1526</v>
      </c>
      <c r="C808" s="3" t="s">
        <v>1483</v>
      </c>
    </row>
    <row r="809" spans="1:3" x14ac:dyDescent="0.15">
      <c r="A809" s="3">
        <v>2011410318</v>
      </c>
      <c r="B809" s="4" t="s">
        <v>1493</v>
      </c>
      <c r="C809" s="3" t="s">
        <v>1494</v>
      </c>
    </row>
    <row r="810" spans="1:3" ht="27" x14ac:dyDescent="0.15">
      <c r="A810" s="3">
        <v>2011410612</v>
      </c>
      <c r="B810" s="4" t="s">
        <v>1861</v>
      </c>
      <c r="C810" s="3" t="s">
        <v>1494</v>
      </c>
    </row>
    <row r="811" spans="1:3" ht="27" x14ac:dyDescent="0.15">
      <c r="A811" s="3">
        <v>2011410324</v>
      </c>
      <c r="B811" s="4" t="s">
        <v>1500</v>
      </c>
      <c r="C811" s="3" t="s">
        <v>1501</v>
      </c>
    </row>
    <row r="812" spans="1:3" ht="27" x14ac:dyDescent="0.15">
      <c r="A812" s="3">
        <v>2011410325</v>
      </c>
      <c r="B812" s="4" t="s">
        <v>1502</v>
      </c>
      <c r="C812" s="3" t="s">
        <v>1501</v>
      </c>
    </row>
    <row r="813" spans="1:3" x14ac:dyDescent="0.15">
      <c r="A813" s="3">
        <v>2011410326</v>
      </c>
      <c r="B813" s="4" t="s">
        <v>1503</v>
      </c>
      <c r="C813" s="3" t="s">
        <v>1501</v>
      </c>
    </row>
    <row r="814" spans="1:3" x14ac:dyDescent="0.15">
      <c r="A814" s="3">
        <v>2011410327</v>
      </c>
      <c r="B814" s="4" t="s">
        <v>1504</v>
      </c>
      <c r="C814" s="3" t="s">
        <v>1501</v>
      </c>
    </row>
    <row r="815" spans="1:3" x14ac:dyDescent="0.15">
      <c r="A815" s="3">
        <v>2011410608</v>
      </c>
      <c r="B815" s="4" t="s">
        <v>1855</v>
      </c>
      <c r="C815" s="3" t="s">
        <v>1501</v>
      </c>
    </row>
    <row r="816" spans="1:3" x14ac:dyDescent="0.15">
      <c r="A816" s="3">
        <v>2011410342</v>
      </c>
      <c r="B816" s="4" t="s">
        <v>1522</v>
      </c>
      <c r="C816" s="3" t="s">
        <v>1523</v>
      </c>
    </row>
    <row r="817" spans="1:3" x14ac:dyDescent="0.15">
      <c r="A817" s="3">
        <v>2011410343</v>
      </c>
      <c r="B817" s="4" t="s">
        <v>1522</v>
      </c>
      <c r="C817" s="3" t="s">
        <v>1523</v>
      </c>
    </row>
    <row r="818" spans="1:3" ht="27" x14ac:dyDescent="0.15">
      <c r="A818" s="3">
        <v>2008400010</v>
      </c>
      <c r="B818" s="4" t="s">
        <v>19</v>
      </c>
      <c r="C818" s="3" t="s">
        <v>20</v>
      </c>
    </row>
    <row r="819" spans="1:3" ht="27" x14ac:dyDescent="0.15">
      <c r="A819" s="3">
        <v>2008400075</v>
      </c>
      <c r="B819" s="4" t="s">
        <v>101</v>
      </c>
      <c r="C819" s="3" t="s">
        <v>20</v>
      </c>
    </row>
    <row r="820" spans="1:3" ht="27" x14ac:dyDescent="0.15">
      <c r="A820" s="3">
        <v>2008400674</v>
      </c>
      <c r="B820" s="4" t="s">
        <v>805</v>
      </c>
      <c r="C820" s="3" t="s">
        <v>20</v>
      </c>
    </row>
    <row r="821" spans="1:3" ht="27" x14ac:dyDescent="0.15">
      <c r="A821" s="3">
        <v>2008400675</v>
      </c>
      <c r="B821" s="4" t="s">
        <v>806</v>
      </c>
      <c r="C821" s="3" t="s">
        <v>20</v>
      </c>
    </row>
    <row r="822" spans="1:3" ht="27" x14ac:dyDescent="0.15">
      <c r="A822" s="3">
        <v>2008400735</v>
      </c>
      <c r="B822" s="4" t="s">
        <v>860</v>
      </c>
      <c r="C822" s="3" t="s">
        <v>20</v>
      </c>
    </row>
    <row r="823" spans="1:3" ht="27" x14ac:dyDescent="0.15">
      <c r="A823" s="3">
        <v>2011410199</v>
      </c>
      <c r="B823" s="4" t="s">
        <v>1343</v>
      </c>
      <c r="C823" s="3" t="s">
        <v>20</v>
      </c>
    </row>
    <row r="824" spans="1:3" ht="27" x14ac:dyDescent="0.15">
      <c r="A824" s="3">
        <v>2011410347</v>
      </c>
      <c r="B824" s="4" t="s">
        <v>1528</v>
      </c>
      <c r="C824" s="3" t="s">
        <v>20</v>
      </c>
    </row>
    <row r="825" spans="1:3" ht="27" x14ac:dyDescent="0.15">
      <c r="A825" s="3">
        <v>2011410348</v>
      </c>
      <c r="B825" s="4" t="s">
        <v>1529</v>
      </c>
      <c r="C825" s="3" t="s">
        <v>20</v>
      </c>
    </row>
    <row r="826" spans="1:3" ht="27" x14ac:dyDescent="0.15">
      <c r="A826" s="3">
        <v>2011410349</v>
      </c>
      <c r="B826" s="4" t="s">
        <v>1530</v>
      </c>
      <c r="C826" s="3" t="s">
        <v>20</v>
      </c>
    </row>
    <row r="827" spans="1:3" ht="27" x14ac:dyDescent="0.15">
      <c r="A827" s="3">
        <v>2011410350</v>
      </c>
      <c r="B827" s="4" t="s">
        <v>1531</v>
      </c>
      <c r="C827" s="3" t="s">
        <v>20</v>
      </c>
    </row>
    <row r="828" spans="1:3" ht="27" x14ac:dyDescent="0.15">
      <c r="A828" s="3">
        <v>2011410351</v>
      </c>
      <c r="B828" s="4" t="s">
        <v>1532</v>
      </c>
      <c r="C828" s="3" t="s">
        <v>20</v>
      </c>
    </row>
    <row r="829" spans="1:3" ht="27" x14ac:dyDescent="0.15">
      <c r="A829" s="3">
        <v>2011410352</v>
      </c>
      <c r="B829" s="4" t="s">
        <v>1533</v>
      </c>
      <c r="C829" s="3" t="s">
        <v>20</v>
      </c>
    </row>
    <row r="830" spans="1:3" ht="27" x14ac:dyDescent="0.15">
      <c r="A830" s="3">
        <v>2011410353</v>
      </c>
      <c r="B830" s="4" t="s">
        <v>1533</v>
      </c>
      <c r="C830" s="3" t="s">
        <v>20</v>
      </c>
    </row>
    <row r="831" spans="1:3" ht="27" x14ac:dyDescent="0.15">
      <c r="A831" s="3">
        <v>2011410354</v>
      </c>
      <c r="B831" s="4" t="s">
        <v>1534</v>
      </c>
      <c r="C831" s="3" t="s">
        <v>20</v>
      </c>
    </row>
    <row r="832" spans="1:3" ht="40.5" x14ac:dyDescent="0.15">
      <c r="A832" s="3">
        <v>2011410355</v>
      </c>
      <c r="B832" s="4" t="s">
        <v>1535</v>
      </c>
      <c r="C832" s="3" t="s">
        <v>20</v>
      </c>
    </row>
    <row r="833" spans="1:3" ht="27" x14ac:dyDescent="0.15">
      <c r="A833" s="3">
        <v>2011410623</v>
      </c>
      <c r="B833" s="4" t="s">
        <v>1876</v>
      </c>
      <c r="C833" s="3" t="s">
        <v>20</v>
      </c>
    </row>
    <row r="834" spans="1:3" ht="40.5" x14ac:dyDescent="0.15">
      <c r="A834" s="3">
        <v>2011410629</v>
      </c>
      <c r="B834" s="4" t="s">
        <v>1882</v>
      </c>
      <c r="C834" s="3" t="s">
        <v>1883</v>
      </c>
    </row>
    <row r="835" spans="1:3" ht="27" x14ac:dyDescent="0.15">
      <c r="A835" s="3">
        <v>2011410357</v>
      </c>
      <c r="B835" s="4" t="s">
        <v>1538</v>
      </c>
      <c r="C835" s="3" t="s">
        <v>1539</v>
      </c>
    </row>
    <row r="836" spans="1:3" ht="27" x14ac:dyDescent="0.15">
      <c r="A836" s="3">
        <v>2011410358</v>
      </c>
      <c r="B836" s="4" t="s">
        <v>1540</v>
      </c>
      <c r="C836" s="3" t="s">
        <v>1541</v>
      </c>
    </row>
    <row r="837" spans="1:3" ht="27" x14ac:dyDescent="0.15">
      <c r="A837" s="3">
        <v>2008400011</v>
      </c>
      <c r="B837" s="4" t="s">
        <v>21</v>
      </c>
      <c r="C837" s="3" t="s">
        <v>22</v>
      </c>
    </row>
    <row r="838" spans="1:3" ht="27" x14ac:dyDescent="0.15">
      <c r="A838" s="3">
        <v>2011410382</v>
      </c>
      <c r="B838" s="4" t="s">
        <v>1566</v>
      </c>
      <c r="C838" s="3" t="s">
        <v>22</v>
      </c>
    </row>
    <row r="839" spans="1:3" x14ac:dyDescent="0.15">
      <c r="A839" s="3">
        <v>2011410391</v>
      </c>
      <c r="B839" s="4" t="s">
        <v>1573</v>
      </c>
      <c r="C839" s="3" t="s">
        <v>1574</v>
      </c>
    </row>
    <row r="840" spans="1:3" x14ac:dyDescent="0.15">
      <c r="A840" s="3">
        <v>2011410394</v>
      </c>
      <c r="B840" s="4" t="s">
        <v>1578</v>
      </c>
      <c r="C840" s="3" t="s">
        <v>1579</v>
      </c>
    </row>
    <row r="841" spans="1:3" ht="27" x14ac:dyDescent="0.15">
      <c r="A841" s="3">
        <v>2011410398</v>
      </c>
      <c r="B841" s="4" t="s">
        <v>1584</v>
      </c>
      <c r="C841" s="3" t="s">
        <v>1585</v>
      </c>
    </row>
    <row r="842" spans="1:3" ht="27" x14ac:dyDescent="0.15">
      <c r="A842" s="3">
        <v>2011410395</v>
      </c>
      <c r="B842" s="4" t="s">
        <v>1580</v>
      </c>
      <c r="C842" s="3" t="s">
        <v>1581</v>
      </c>
    </row>
    <row r="843" spans="1:3" x14ac:dyDescent="0.15">
      <c r="A843" s="3">
        <v>2011410397</v>
      </c>
      <c r="B843" s="4" t="s">
        <v>1583</v>
      </c>
      <c r="C843" s="3" t="s">
        <v>1581</v>
      </c>
    </row>
    <row r="844" spans="1:3" x14ac:dyDescent="0.15">
      <c r="A844" s="3">
        <v>2011410399</v>
      </c>
      <c r="B844" s="4" t="s">
        <v>1586</v>
      </c>
      <c r="C844" s="3" t="s">
        <v>1581</v>
      </c>
    </row>
    <row r="845" spans="1:3" ht="27" x14ac:dyDescent="0.15">
      <c r="A845" s="3">
        <v>2011410400</v>
      </c>
      <c r="B845" s="4" t="s">
        <v>1587</v>
      </c>
      <c r="C845" s="3" t="s">
        <v>1581</v>
      </c>
    </row>
    <row r="846" spans="1:3" ht="27" x14ac:dyDescent="0.15">
      <c r="A846" s="3">
        <v>2011410401</v>
      </c>
      <c r="B846" s="4" t="s">
        <v>1588</v>
      </c>
      <c r="C846" s="3" t="s">
        <v>1581</v>
      </c>
    </row>
    <row r="847" spans="1:3" x14ac:dyDescent="0.15">
      <c r="A847" s="3">
        <v>2011410402</v>
      </c>
      <c r="B847" s="4" t="s">
        <v>1589</v>
      </c>
      <c r="C847" s="3" t="s">
        <v>1581</v>
      </c>
    </row>
    <row r="848" spans="1:3" ht="27" x14ac:dyDescent="0.15">
      <c r="A848" s="3">
        <v>2011410403</v>
      </c>
      <c r="B848" s="4" t="s">
        <v>1590</v>
      </c>
      <c r="C848" s="3" t="s">
        <v>1581</v>
      </c>
    </row>
    <row r="849" spans="1:3" x14ac:dyDescent="0.15">
      <c r="A849" s="3">
        <v>2011410406</v>
      </c>
      <c r="B849" s="4" t="s">
        <v>1595</v>
      </c>
      <c r="C849" s="3" t="s">
        <v>1581</v>
      </c>
    </row>
    <row r="850" spans="1:3" ht="27" x14ac:dyDescent="0.15">
      <c r="A850" s="3">
        <v>2011410408</v>
      </c>
      <c r="B850" s="4" t="s">
        <v>1598</v>
      </c>
      <c r="C850" s="3" t="s">
        <v>1581</v>
      </c>
    </row>
    <row r="851" spans="1:3" ht="27" x14ac:dyDescent="0.15">
      <c r="A851" s="3">
        <v>2011410409</v>
      </c>
      <c r="B851" s="4" t="s">
        <v>1599</v>
      </c>
      <c r="C851" s="3" t="s">
        <v>1581</v>
      </c>
    </row>
    <row r="852" spans="1:3" x14ac:dyDescent="0.15">
      <c r="A852" s="3">
        <v>2011410410</v>
      </c>
      <c r="B852" s="4" t="s">
        <v>1600</v>
      </c>
      <c r="C852" s="3" t="s">
        <v>1581</v>
      </c>
    </row>
    <row r="853" spans="1:3" ht="27" x14ac:dyDescent="0.15">
      <c r="A853" s="3">
        <v>2011410411</v>
      </c>
      <c r="B853" s="4" t="s">
        <v>1601</v>
      </c>
      <c r="C853" s="3" t="s">
        <v>1581</v>
      </c>
    </row>
    <row r="854" spans="1:3" ht="27" x14ac:dyDescent="0.15">
      <c r="A854" s="3">
        <v>2011410412</v>
      </c>
      <c r="B854" s="4" t="s">
        <v>1602</v>
      </c>
      <c r="C854" s="3" t="s">
        <v>1581</v>
      </c>
    </row>
    <row r="855" spans="1:3" x14ac:dyDescent="0.15">
      <c r="A855" s="3">
        <v>2011410638</v>
      </c>
      <c r="B855" s="4" t="s">
        <v>1893</v>
      </c>
      <c r="C855" s="3" t="s">
        <v>1581</v>
      </c>
    </row>
    <row r="856" spans="1:3" ht="27" x14ac:dyDescent="0.15">
      <c r="A856" s="3">
        <v>2011410428</v>
      </c>
      <c r="B856" s="4" t="s">
        <v>1622</v>
      </c>
      <c r="C856" s="3" t="s">
        <v>1623</v>
      </c>
    </row>
    <row r="857" spans="1:3" ht="27" x14ac:dyDescent="0.15">
      <c r="A857" s="3">
        <v>2011410453</v>
      </c>
      <c r="B857" s="4" t="s">
        <v>1649</v>
      </c>
      <c r="C857" s="3" t="s">
        <v>1623</v>
      </c>
    </row>
    <row r="858" spans="1:3" ht="27" x14ac:dyDescent="0.15">
      <c r="A858" s="3">
        <v>2011410434</v>
      </c>
      <c r="B858" s="4" t="s">
        <v>1631</v>
      </c>
      <c r="C858" s="3" t="s">
        <v>1632</v>
      </c>
    </row>
    <row r="859" spans="1:3" ht="27" x14ac:dyDescent="0.15">
      <c r="A859" s="3">
        <v>2011410435</v>
      </c>
      <c r="B859" s="4" t="s">
        <v>1633</v>
      </c>
      <c r="C859" s="3" t="s">
        <v>1632</v>
      </c>
    </row>
    <row r="860" spans="1:3" ht="27" x14ac:dyDescent="0.15">
      <c r="A860" s="3">
        <v>2011410438</v>
      </c>
      <c r="B860" s="4" t="s">
        <v>1637</v>
      </c>
      <c r="C860" s="3" t="s">
        <v>1638</v>
      </c>
    </row>
    <row r="861" spans="1:3" ht="27" x14ac:dyDescent="0.15">
      <c r="A861" s="3">
        <v>2008400020</v>
      </c>
      <c r="B861" s="4" t="s">
        <v>32</v>
      </c>
      <c r="C861" s="3" t="s">
        <v>33</v>
      </c>
    </row>
    <row r="862" spans="1:3" x14ac:dyDescent="0.15">
      <c r="A862" s="3">
        <v>2011410439</v>
      </c>
      <c r="B862" s="4" t="s">
        <v>1639</v>
      </c>
      <c r="C862" s="3" t="s">
        <v>33</v>
      </c>
    </row>
    <row r="863" spans="1:3" x14ac:dyDescent="0.15">
      <c r="A863" s="3">
        <v>2011410440</v>
      </c>
      <c r="B863" s="4" t="s">
        <v>1639</v>
      </c>
      <c r="C863" s="3" t="s">
        <v>33</v>
      </c>
    </row>
    <row r="864" spans="1:3" x14ac:dyDescent="0.15">
      <c r="A864" s="3">
        <v>2011410441</v>
      </c>
      <c r="B864" s="4" t="s">
        <v>1640</v>
      </c>
      <c r="C864" s="3" t="s">
        <v>33</v>
      </c>
    </row>
    <row r="865" spans="1:3" x14ac:dyDescent="0.15">
      <c r="A865" s="3">
        <v>2011410442</v>
      </c>
      <c r="B865" s="4" t="s">
        <v>1641</v>
      </c>
      <c r="C865" s="3" t="s">
        <v>33</v>
      </c>
    </row>
    <row r="866" spans="1:3" ht="27" x14ac:dyDescent="0.15">
      <c r="A866" s="3">
        <v>2011410443</v>
      </c>
      <c r="B866" s="4" t="s">
        <v>1642</v>
      </c>
      <c r="C866" s="3" t="s">
        <v>33</v>
      </c>
    </row>
    <row r="867" spans="1:3" ht="27" x14ac:dyDescent="0.15">
      <c r="A867" s="3">
        <v>2011410444</v>
      </c>
      <c r="B867" s="4" t="s">
        <v>1642</v>
      </c>
      <c r="C867" s="3" t="s">
        <v>33</v>
      </c>
    </row>
    <row r="868" spans="1:3" ht="27" x14ac:dyDescent="0.15">
      <c r="A868" s="3">
        <v>2011410445</v>
      </c>
      <c r="B868" s="4" t="s">
        <v>1643</v>
      </c>
      <c r="C868" s="3" t="s">
        <v>33</v>
      </c>
    </row>
    <row r="869" spans="1:3" x14ac:dyDescent="0.15">
      <c r="A869" s="3">
        <v>2011410446</v>
      </c>
      <c r="B869" s="4" t="s">
        <v>1644</v>
      </c>
      <c r="C869" s="3" t="s">
        <v>33</v>
      </c>
    </row>
    <row r="870" spans="1:3" x14ac:dyDescent="0.15">
      <c r="A870" s="3">
        <v>2011410447</v>
      </c>
      <c r="B870" s="4" t="s">
        <v>1645</v>
      </c>
      <c r="C870" s="3" t="s">
        <v>33</v>
      </c>
    </row>
    <row r="871" spans="1:3" x14ac:dyDescent="0.15">
      <c r="A871" s="3">
        <v>2011410448</v>
      </c>
      <c r="B871" s="4" t="s">
        <v>1646</v>
      </c>
      <c r="C871" s="3" t="s">
        <v>33</v>
      </c>
    </row>
    <row r="872" spans="1:3" ht="27" x14ac:dyDescent="0.15">
      <c r="A872" s="3">
        <v>2011410449</v>
      </c>
      <c r="B872" s="4" t="s">
        <v>1647</v>
      </c>
      <c r="C872" s="3" t="s">
        <v>33</v>
      </c>
    </row>
    <row r="873" spans="1:3" ht="27" x14ac:dyDescent="0.15">
      <c r="A873" s="3">
        <v>2011410450</v>
      </c>
      <c r="B873" s="4" t="s">
        <v>1648</v>
      </c>
      <c r="C873" s="3" t="s">
        <v>33</v>
      </c>
    </row>
    <row r="874" spans="1:3" ht="27" x14ac:dyDescent="0.15">
      <c r="A874" s="3">
        <v>2011410451</v>
      </c>
      <c r="B874" s="4" t="s">
        <v>1648</v>
      </c>
      <c r="C874" s="3" t="s">
        <v>33</v>
      </c>
    </row>
    <row r="875" spans="1:3" ht="27" x14ac:dyDescent="0.15">
      <c r="A875" s="3">
        <v>2011410452</v>
      </c>
      <c r="B875" s="4" t="s">
        <v>1647</v>
      </c>
      <c r="C875" s="3" t="s">
        <v>33</v>
      </c>
    </row>
    <row r="876" spans="1:3" ht="27" x14ac:dyDescent="0.15">
      <c r="A876" s="3">
        <v>2011410648</v>
      </c>
      <c r="B876" s="4" t="s">
        <v>1906</v>
      </c>
      <c r="C876" s="3" t="s">
        <v>33</v>
      </c>
    </row>
    <row r="877" spans="1:3" ht="27" x14ac:dyDescent="0.15">
      <c r="A877" s="3">
        <v>2011410650</v>
      </c>
      <c r="B877" s="4" t="s">
        <v>1906</v>
      </c>
      <c r="C877" s="3" t="s">
        <v>33</v>
      </c>
    </row>
    <row r="878" spans="1:3" ht="27" x14ac:dyDescent="0.15">
      <c r="A878" s="3">
        <v>2011410655</v>
      </c>
      <c r="B878" s="4" t="s">
        <v>1914</v>
      </c>
      <c r="C878" s="3" t="s">
        <v>1915</v>
      </c>
    </row>
    <row r="879" spans="1:3" ht="27" x14ac:dyDescent="0.15">
      <c r="A879" s="3">
        <v>2011410457</v>
      </c>
      <c r="B879" s="4" t="s">
        <v>1656</v>
      </c>
      <c r="C879" s="3" t="s">
        <v>1657</v>
      </c>
    </row>
    <row r="880" spans="1:3" ht="27" x14ac:dyDescent="0.15">
      <c r="A880" s="3">
        <v>2011410458</v>
      </c>
      <c r="B880" s="4" t="s">
        <v>1658</v>
      </c>
      <c r="C880" s="3" t="s">
        <v>1657</v>
      </c>
    </row>
    <row r="881" spans="1:3" ht="27" x14ac:dyDescent="0.15">
      <c r="A881" s="3">
        <v>2011410459</v>
      </c>
      <c r="B881" s="4" t="s">
        <v>1659</v>
      </c>
      <c r="C881" s="3" t="s">
        <v>1657</v>
      </c>
    </row>
    <row r="882" spans="1:3" ht="27" x14ac:dyDescent="0.15">
      <c r="A882" s="3">
        <v>2011410460</v>
      </c>
      <c r="B882" s="4" t="s">
        <v>1660</v>
      </c>
      <c r="C882" s="3" t="s">
        <v>1657</v>
      </c>
    </row>
    <row r="883" spans="1:3" x14ac:dyDescent="0.15">
      <c r="A883" s="3">
        <v>2011410653</v>
      </c>
      <c r="B883" s="4" t="s">
        <v>1912</v>
      </c>
      <c r="C883" s="3" t="s">
        <v>1657</v>
      </c>
    </row>
    <row r="884" spans="1:3" ht="27" x14ac:dyDescent="0.15">
      <c r="A884" s="3">
        <v>2011410654</v>
      </c>
      <c r="B884" s="4" t="s">
        <v>1913</v>
      </c>
      <c r="C884" s="3" t="s">
        <v>1657</v>
      </c>
    </row>
    <row r="885" spans="1:3" x14ac:dyDescent="0.15">
      <c r="A885" s="3">
        <v>2011410454</v>
      </c>
      <c r="B885" s="4" t="s">
        <v>1650</v>
      </c>
      <c r="C885" s="3" t="s">
        <v>1651</v>
      </c>
    </row>
    <row r="886" spans="1:3" ht="27" x14ac:dyDescent="0.15">
      <c r="A886" s="3">
        <v>2011410461</v>
      </c>
      <c r="B886" s="4" t="s">
        <v>1661</v>
      </c>
      <c r="C886" s="3" t="s">
        <v>1662</v>
      </c>
    </row>
    <row r="887" spans="1:3" ht="27" x14ac:dyDescent="0.15">
      <c r="A887" s="3">
        <v>2011410462</v>
      </c>
      <c r="B887" s="4" t="s">
        <v>1663</v>
      </c>
      <c r="C887" s="3" t="s">
        <v>1662</v>
      </c>
    </row>
    <row r="888" spans="1:3" x14ac:dyDescent="0.15">
      <c r="A888" s="3">
        <v>2011410463</v>
      </c>
      <c r="B888" s="4" t="s">
        <v>1664</v>
      </c>
      <c r="C888" s="3" t="s">
        <v>1662</v>
      </c>
    </row>
    <row r="889" spans="1:3" x14ac:dyDescent="0.15">
      <c r="A889" s="3">
        <v>2011410464</v>
      </c>
      <c r="B889" s="4" t="s">
        <v>1665</v>
      </c>
      <c r="C889" s="3" t="s">
        <v>1662</v>
      </c>
    </row>
    <row r="890" spans="1:3" ht="27" x14ac:dyDescent="0.15">
      <c r="A890" s="3">
        <v>2011410465</v>
      </c>
      <c r="B890" s="4" t="s">
        <v>1666</v>
      </c>
      <c r="C890" s="3" t="s">
        <v>1662</v>
      </c>
    </row>
    <row r="891" spans="1:3" ht="27" x14ac:dyDescent="0.15">
      <c r="A891" s="3">
        <v>2011410466</v>
      </c>
      <c r="B891" s="4" t="s">
        <v>1667</v>
      </c>
      <c r="C891" s="3" t="s">
        <v>1662</v>
      </c>
    </row>
    <row r="892" spans="1:3" ht="27" x14ac:dyDescent="0.15">
      <c r="A892" s="3">
        <v>2011410467</v>
      </c>
      <c r="B892" s="4" t="s">
        <v>1668</v>
      </c>
      <c r="C892" s="3" t="s">
        <v>1662</v>
      </c>
    </row>
    <row r="893" spans="1:3" x14ac:dyDescent="0.15">
      <c r="A893" s="3">
        <v>2011410469</v>
      </c>
      <c r="B893" s="4" t="s">
        <v>1671</v>
      </c>
      <c r="C893" s="3" t="s">
        <v>1662</v>
      </c>
    </row>
    <row r="894" spans="1:3" x14ac:dyDescent="0.15">
      <c r="A894" s="3">
        <v>2011410470</v>
      </c>
      <c r="B894" s="4" t="s">
        <v>1672</v>
      </c>
      <c r="C894" s="3" t="s">
        <v>1662</v>
      </c>
    </row>
    <row r="895" spans="1:3" x14ac:dyDescent="0.15">
      <c r="A895" s="3">
        <v>2011410473</v>
      </c>
      <c r="B895" s="4" t="s">
        <v>1676</v>
      </c>
      <c r="C895" s="3" t="s">
        <v>1662</v>
      </c>
    </row>
    <row r="896" spans="1:3" x14ac:dyDescent="0.15">
      <c r="A896" s="3">
        <v>2011410477</v>
      </c>
      <c r="B896" s="4" t="s">
        <v>1680</v>
      </c>
      <c r="C896" s="3" t="s">
        <v>1662</v>
      </c>
    </row>
    <row r="897" spans="1:3" ht="40.5" x14ac:dyDescent="0.15">
      <c r="A897" s="3">
        <v>2011410639</v>
      </c>
      <c r="B897" s="4" t="s">
        <v>1894</v>
      </c>
      <c r="C897" s="3" t="s">
        <v>1662</v>
      </c>
    </row>
    <row r="898" spans="1:3" ht="27" x14ac:dyDescent="0.15">
      <c r="A898" s="3">
        <v>2011410640</v>
      </c>
      <c r="B898" s="4" t="s">
        <v>1895</v>
      </c>
      <c r="C898" s="3" t="s">
        <v>1662</v>
      </c>
    </row>
    <row r="899" spans="1:3" x14ac:dyDescent="0.15">
      <c r="A899" s="3">
        <v>2011410649</v>
      </c>
      <c r="B899" s="4" t="s">
        <v>1907</v>
      </c>
      <c r="C899" s="3" t="s">
        <v>1662</v>
      </c>
    </row>
    <row r="900" spans="1:3" ht="27" x14ac:dyDescent="0.15">
      <c r="A900" s="3">
        <v>2011413194</v>
      </c>
      <c r="B900" s="4" t="s">
        <v>4983</v>
      </c>
      <c r="C900" s="3" t="s">
        <v>1662</v>
      </c>
    </row>
    <row r="901" spans="1:3" ht="27" x14ac:dyDescent="0.15">
      <c r="A901" s="3">
        <v>2008400017</v>
      </c>
      <c r="B901" s="4" t="s">
        <v>28</v>
      </c>
      <c r="C901" s="3" t="s">
        <v>29</v>
      </c>
    </row>
    <row r="902" spans="1:3" ht="27" x14ac:dyDescent="0.15">
      <c r="A902" s="3">
        <v>2008400018</v>
      </c>
      <c r="B902" s="4" t="s">
        <v>30</v>
      </c>
      <c r="C902" s="3" t="s">
        <v>29</v>
      </c>
    </row>
    <row r="903" spans="1:3" ht="27" x14ac:dyDescent="0.15">
      <c r="A903" s="3">
        <v>2008400019</v>
      </c>
      <c r="B903" s="4" t="s">
        <v>31</v>
      </c>
      <c r="C903" s="3" t="s">
        <v>29</v>
      </c>
    </row>
    <row r="904" spans="1:3" x14ac:dyDescent="0.15">
      <c r="A904" s="3">
        <v>2011410478</v>
      </c>
      <c r="B904" s="4" t="s">
        <v>1681</v>
      </c>
      <c r="C904" s="3" t="s">
        <v>29</v>
      </c>
    </row>
    <row r="905" spans="1:3" x14ac:dyDescent="0.15">
      <c r="A905" s="3">
        <v>2011410479</v>
      </c>
      <c r="B905" s="4" t="s">
        <v>1682</v>
      </c>
      <c r="C905" s="3" t="s">
        <v>29</v>
      </c>
    </row>
    <row r="906" spans="1:3" ht="27" x14ac:dyDescent="0.15">
      <c r="A906" s="3">
        <v>2011410485</v>
      </c>
      <c r="B906" s="4" t="s">
        <v>1691</v>
      </c>
      <c r="C906" s="3" t="s">
        <v>29</v>
      </c>
    </row>
    <row r="907" spans="1:3" ht="40.5" x14ac:dyDescent="0.15">
      <c r="A907" s="3">
        <v>2011410488</v>
      </c>
      <c r="B907" s="4" t="s">
        <v>1696</v>
      </c>
      <c r="C907" s="3" t="s">
        <v>29</v>
      </c>
    </row>
    <row r="908" spans="1:3" ht="27" x14ac:dyDescent="0.15">
      <c r="A908" s="3">
        <v>2011410491</v>
      </c>
      <c r="B908" s="4" t="s">
        <v>1701</v>
      </c>
      <c r="C908" s="3" t="s">
        <v>1702</v>
      </c>
    </row>
    <row r="909" spans="1:3" ht="27" x14ac:dyDescent="0.15">
      <c r="A909" s="3">
        <v>2008400077</v>
      </c>
      <c r="B909" s="4" t="s">
        <v>104</v>
      </c>
      <c r="C909" s="3" t="s">
        <v>105</v>
      </c>
    </row>
    <row r="910" spans="1:3" ht="27" x14ac:dyDescent="0.15">
      <c r="A910" s="3">
        <v>2011410396</v>
      </c>
      <c r="B910" s="4" t="s">
        <v>1582</v>
      </c>
      <c r="C910" s="3" t="s">
        <v>105</v>
      </c>
    </row>
    <row r="911" spans="1:3" ht="27" x14ac:dyDescent="0.15">
      <c r="A911" s="3">
        <v>2011410503</v>
      </c>
      <c r="B911" s="4" t="s">
        <v>1714</v>
      </c>
      <c r="C911" s="3" t="s">
        <v>105</v>
      </c>
    </row>
    <row r="912" spans="1:3" ht="27" x14ac:dyDescent="0.15">
      <c r="A912" s="3">
        <v>2011410504</v>
      </c>
      <c r="B912" s="4" t="s">
        <v>1715</v>
      </c>
      <c r="C912" s="3" t="s">
        <v>105</v>
      </c>
    </row>
    <row r="913" spans="1:3" ht="27" x14ac:dyDescent="0.15">
      <c r="A913" s="3">
        <v>2011410505</v>
      </c>
      <c r="B913" s="4" t="s">
        <v>1716</v>
      </c>
      <c r="C913" s="3" t="s">
        <v>105</v>
      </c>
    </row>
    <row r="914" spans="1:3" ht="27" x14ac:dyDescent="0.15">
      <c r="A914" s="3">
        <v>2011410506</v>
      </c>
      <c r="B914" s="4" t="s">
        <v>1717</v>
      </c>
      <c r="C914" s="3" t="s">
        <v>105</v>
      </c>
    </row>
    <row r="915" spans="1:3" ht="27" x14ac:dyDescent="0.15">
      <c r="A915" s="3">
        <v>2011410507</v>
      </c>
      <c r="B915" s="4" t="s">
        <v>1718</v>
      </c>
      <c r="C915" s="3" t="s">
        <v>105</v>
      </c>
    </row>
    <row r="916" spans="1:3" ht="27" x14ac:dyDescent="0.15">
      <c r="A916" s="3">
        <v>2011410508</v>
      </c>
      <c r="B916" s="4" t="s">
        <v>1719</v>
      </c>
      <c r="C916" s="3" t="s">
        <v>105</v>
      </c>
    </row>
    <row r="917" spans="1:3" ht="27" x14ac:dyDescent="0.15">
      <c r="A917" s="3">
        <v>2011410509</v>
      </c>
      <c r="B917" s="4" t="s">
        <v>1720</v>
      </c>
      <c r="C917" s="3" t="s">
        <v>105</v>
      </c>
    </row>
    <row r="918" spans="1:3" ht="27" x14ac:dyDescent="0.15">
      <c r="A918" s="3">
        <v>2011410510</v>
      </c>
      <c r="B918" s="4" t="s">
        <v>1721</v>
      </c>
      <c r="C918" s="3" t="s">
        <v>105</v>
      </c>
    </row>
    <row r="919" spans="1:3" ht="27" x14ac:dyDescent="0.15">
      <c r="A919" s="3">
        <v>2011410511</v>
      </c>
      <c r="B919" s="4" t="s">
        <v>1722</v>
      </c>
      <c r="C919" s="3" t="s">
        <v>105</v>
      </c>
    </row>
    <row r="920" spans="1:3" x14ac:dyDescent="0.15">
      <c r="A920" s="3">
        <v>2011410664</v>
      </c>
      <c r="B920" s="4" t="s">
        <v>1928</v>
      </c>
      <c r="C920" s="3" t="s">
        <v>105</v>
      </c>
    </row>
    <row r="921" spans="1:3" ht="27" x14ac:dyDescent="0.15">
      <c r="A921" s="3">
        <v>2011410665</v>
      </c>
      <c r="B921" s="4" t="s">
        <v>1929</v>
      </c>
      <c r="C921" s="3" t="s">
        <v>105</v>
      </c>
    </row>
    <row r="922" spans="1:3" ht="27" x14ac:dyDescent="0.15">
      <c r="A922" s="3">
        <v>2011410666</v>
      </c>
      <c r="B922" s="4" t="s">
        <v>1930</v>
      </c>
      <c r="C922" s="3" t="s">
        <v>105</v>
      </c>
    </row>
    <row r="923" spans="1:3" x14ac:dyDescent="0.15">
      <c r="A923" s="3">
        <v>2011410538</v>
      </c>
      <c r="B923" s="4" t="s">
        <v>1752</v>
      </c>
      <c r="C923" s="3" t="s">
        <v>1753</v>
      </c>
    </row>
    <row r="924" spans="1:3" ht="27" x14ac:dyDescent="0.15">
      <c r="A924" s="3">
        <v>2008400022</v>
      </c>
      <c r="B924" s="4" t="s">
        <v>36</v>
      </c>
      <c r="C924" s="3" t="s">
        <v>37</v>
      </c>
    </row>
    <row r="925" spans="1:3" ht="27" x14ac:dyDescent="0.15">
      <c r="A925" s="3">
        <v>2011410539</v>
      </c>
      <c r="B925" s="4" t="s">
        <v>1754</v>
      </c>
      <c r="C925" s="3" t="s">
        <v>37</v>
      </c>
    </row>
    <row r="926" spans="1:3" x14ac:dyDescent="0.15">
      <c r="A926" s="3">
        <v>2011410546</v>
      </c>
      <c r="B926" s="4" t="s">
        <v>1763</v>
      </c>
      <c r="C926" s="3" t="s">
        <v>1764</v>
      </c>
    </row>
    <row r="927" spans="1:3" x14ac:dyDescent="0.15">
      <c r="A927" s="3">
        <v>2011410547</v>
      </c>
      <c r="B927" s="4" t="s">
        <v>1765</v>
      </c>
      <c r="C927" s="3" t="s">
        <v>1764</v>
      </c>
    </row>
    <row r="928" spans="1:3" x14ac:dyDescent="0.15">
      <c r="A928" s="3">
        <v>2011410548</v>
      </c>
      <c r="B928" s="4" t="s">
        <v>1766</v>
      </c>
      <c r="C928" s="3" t="s">
        <v>1764</v>
      </c>
    </row>
    <row r="929" spans="1:3" ht="40.5" x14ac:dyDescent="0.15">
      <c r="A929" s="3">
        <v>2011410673</v>
      </c>
      <c r="B929" s="4" t="s">
        <v>1940</v>
      </c>
      <c r="C929" s="3" t="s">
        <v>1941</v>
      </c>
    </row>
    <row r="930" spans="1:3" ht="27" x14ac:dyDescent="0.15">
      <c r="A930" s="3">
        <v>2011412595</v>
      </c>
      <c r="B930" s="4" t="s">
        <v>4224</v>
      </c>
      <c r="C930" s="3" t="s">
        <v>4225</v>
      </c>
    </row>
    <row r="931" spans="1:3" ht="40.5" x14ac:dyDescent="0.15">
      <c r="A931" s="3">
        <v>2011410674</v>
      </c>
      <c r="B931" s="4" t="s">
        <v>1942</v>
      </c>
      <c r="C931" s="3" t="s">
        <v>1943</v>
      </c>
    </row>
    <row r="932" spans="1:3" x14ac:dyDescent="0.15">
      <c r="A932" s="3">
        <v>2011410407</v>
      </c>
      <c r="B932" s="4" t="s">
        <v>1596</v>
      </c>
      <c r="C932" s="3" t="s">
        <v>1597</v>
      </c>
    </row>
    <row r="933" spans="1:3" ht="27" x14ac:dyDescent="0.15">
      <c r="A933" s="3">
        <v>2011410549</v>
      </c>
      <c r="B933" s="4" t="s">
        <v>1767</v>
      </c>
      <c r="C933" s="3" t="s">
        <v>1597</v>
      </c>
    </row>
    <row r="934" spans="1:3" x14ac:dyDescent="0.15">
      <c r="A934" s="3">
        <v>2011410679</v>
      </c>
      <c r="B934" s="4" t="s">
        <v>1949</v>
      </c>
      <c r="C934" s="3" t="s">
        <v>1950</v>
      </c>
    </row>
    <row r="935" spans="1:3" ht="27" x14ac:dyDescent="0.15">
      <c r="A935" s="3">
        <v>2011411068</v>
      </c>
      <c r="B935" s="4" t="s">
        <v>2372</v>
      </c>
      <c r="C935" s="3" t="s">
        <v>2373</v>
      </c>
    </row>
    <row r="936" spans="1:3" ht="27" x14ac:dyDescent="0.15">
      <c r="A936" s="3">
        <v>2008400024</v>
      </c>
      <c r="B936" s="4" t="s">
        <v>40</v>
      </c>
      <c r="C936" s="3" t="s">
        <v>41</v>
      </c>
    </row>
    <row r="937" spans="1:3" x14ac:dyDescent="0.15">
      <c r="A937" s="3">
        <v>2011410681</v>
      </c>
      <c r="B937" s="4" t="s">
        <v>1953</v>
      </c>
      <c r="C937" s="3" t="s">
        <v>41</v>
      </c>
    </row>
    <row r="938" spans="1:3" x14ac:dyDescent="0.15">
      <c r="A938" s="3">
        <v>2011410682</v>
      </c>
      <c r="B938" s="4" t="s">
        <v>1954</v>
      </c>
      <c r="C938" s="3" t="s">
        <v>41</v>
      </c>
    </row>
    <row r="939" spans="1:3" x14ac:dyDescent="0.15">
      <c r="A939" s="3">
        <v>2011410683</v>
      </c>
      <c r="B939" s="4" t="s">
        <v>1955</v>
      </c>
      <c r="C939" s="3" t="s">
        <v>41</v>
      </c>
    </row>
    <row r="940" spans="1:3" ht="27" x14ac:dyDescent="0.15">
      <c r="A940" s="3">
        <v>2011410684</v>
      </c>
      <c r="B940" s="4" t="s">
        <v>1956</v>
      </c>
      <c r="C940" s="3" t="s">
        <v>41</v>
      </c>
    </row>
    <row r="941" spans="1:3" x14ac:dyDescent="0.15">
      <c r="A941" s="3">
        <v>2011410685</v>
      </c>
      <c r="B941" s="4" t="s">
        <v>1957</v>
      </c>
      <c r="C941" s="3" t="s">
        <v>41</v>
      </c>
    </row>
    <row r="942" spans="1:3" ht="27" x14ac:dyDescent="0.15">
      <c r="A942" s="3">
        <v>2011410686</v>
      </c>
      <c r="B942" s="4" t="s">
        <v>1958</v>
      </c>
      <c r="C942" s="3" t="s">
        <v>41</v>
      </c>
    </row>
    <row r="943" spans="1:3" x14ac:dyDescent="0.15">
      <c r="A943" s="3">
        <v>2011410687</v>
      </c>
      <c r="B943" s="4" t="s">
        <v>1959</v>
      </c>
      <c r="C943" s="3" t="s">
        <v>41</v>
      </c>
    </row>
    <row r="944" spans="1:3" x14ac:dyDescent="0.15">
      <c r="A944" s="3">
        <v>2011410688</v>
      </c>
      <c r="B944" s="4" t="s">
        <v>1960</v>
      </c>
      <c r="C944" s="3" t="s">
        <v>41</v>
      </c>
    </row>
    <row r="945" spans="1:3" ht="27" x14ac:dyDescent="0.15">
      <c r="A945" s="3">
        <v>2011410689</v>
      </c>
      <c r="B945" s="4" t="s">
        <v>1961</v>
      </c>
      <c r="C945" s="3" t="s">
        <v>41</v>
      </c>
    </row>
    <row r="946" spans="1:3" ht="27" x14ac:dyDescent="0.15">
      <c r="A946" s="3">
        <v>2011411071</v>
      </c>
      <c r="B946" s="4" t="s">
        <v>2377</v>
      </c>
      <c r="C946" s="3" t="s">
        <v>41</v>
      </c>
    </row>
    <row r="947" spans="1:3" ht="27" x14ac:dyDescent="0.15">
      <c r="A947" s="3">
        <v>2011411072</v>
      </c>
      <c r="B947" s="4" t="s">
        <v>2377</v>
      </c>
      <c r="C947" s="3" t="s">
        <v>41</v>
      </c>
    </row>
    <row r="948" spans="1:3" x14ac:dyDescent="0.15">
      <c r="A948" s="3">
        <v>2011411073</v>
      </c>
      <c r="B948" s="4" t="s">
        <v>2378</v>
      </c>
      <c r="C948" s="3" t="s">
        <v>41</v>
      </c>
    </row>
    <row r="949" spans="1:3" ht="27" x14ac:dyDescent="0.15">
      <c r="A949" s="3">
        <v>2008400025</v>
      </c>
      <c r="B949" s="4" t="s">
        <v>42</v>
      </c>
      <c r="C949" s="3" t="s">
        <v>43</v>
      </c>
    </row>
    <row r="950" spans="1:3" ht="27" x14ac:dyDescent="0.15">
      <c r="A950" s="3">
        <v>2008400690</v>
      </c>
      <c r="B950" s="4" t="s">
        <v>823</v>
      </c>
      <c r="C950" s="3" t="s">
        <v>43</v>
      </c>
    </row>
    <row r="951" spans="1:3" ht="27" x14ac:dyDescent="0.15">
      <c r="A951" s="3">
        <v>2011410701</v>
      </c>
      <c r="B951" s="4" t="s">
        <v>1978</v>
      </c>
      <c r="C951" s="3" t="s">
        <v>43</v>
      </c>
    </row>
    <row r="952" spans="1:3" x14ac:dyDescent="0.15">
      <c r="A952" s="3">
        <v>2011411070</v>
      </c>
      <c r="B952" s="4" t="s">
        <v>2376</v>
      </c>
      <c r="C952" s="3" t="s">
        <v>43</v>
      </c>
    </row>
    <row r="953" spans="1:3" ht="27" x14ac:dyDescent="0.15">
      <c r="A953" s="3">
        <v>2011412045</v>
      </c>
      <c r="B953" s="4" t="s">
        <v>3549</v>
      </c>
      <c r="C953" s="3" t="s">
        <v>3550</v>
      </c>
    </row>
    <row r="954" spans="1:3" ht="27" x14ac:dyDescent="0.15">
      <c r="A954" s="3">
        <v>2011412046</v>
      </c>
      <c r="B954" s="4" t="s">
        <v>3551</v>
      </c>
      <c r="C954" s="3" t="s">
        <v>3550</v>
      </c>
    </row>
    <row r="955" spans="1:3" ht="27" x14ac:dyDescent="0.15">
      <c r="A955" s="3">
        <v>2011412047</v>
      </c>
      <c r="B955" s="4" t="s">
        <v>3552</v>
      </c>
      <c r="C955" s="3" t="s">
        <v>3550</v>
      </c>
    </row>
    <row r="956" spans="1:3" ht="27" x14ac:dyDescent="0.15">
      <c r="A956" s="3">
        <v>2011412048</v>
      </c>
      <c r="B956" s="4" t="s">
        <v>3552</v>
      </c>
      <c r="C956" s="3" t="s">
        <v>3550</v>
      </c>
    </row>
    <row r="957" spans="1:3" ht="27" x14ac:dyDescent="0.15">
      <c r="A957" s="3">
        <v>2011412049</v>
      </c>
      <c r="B957" s="4" t="s">
        <v>3553</v>
      </c>
      <c r="C957" s="3" t="s">
        <v>3550</v>
      </c>
    </row>
    <row r="958" spans="1:3" x14ac:dyDescent="0.15">
      <c r="A958" s="3">
        <v>2011412131</v>
      </c>
      <c r="B958" s="4" t="s">
        <v>3649</v>
      </c>
      <c r="C958" s="3" t="s">
        <v>3550</v>
      </c>
    </row>
    <row r="959" spans="1:3" ht="27" x14ac:dyDescent="0.15">
      <c r="A959" s="3">
        <v>2011412132</v>
      </c>
      <c r="B959" s="4" t="s">
        <v>3650</v>
      </c>
      <c r="C959" s="3" t="s">
        <v>3550</v>
      </c>
    </row>
    <row r="960" spans="1:3" ht="40.5" x14ac:dyDescent="0.15">
      <c r="A960" s="3">
        <v>2011414449</v>
      </c>
      <c r="B960" s="4" t="s">
        <v>6595</v>
      </c>
      <c r="C960" s="3" t="s">
        <v>3550</v>
      </c>
    </row>
    <row r="961" spans="1:3" ht="27" x14ac:dyDescent="0.15">
      <c r="A961" s="3">
        <v>2011410705</v>
      </c>
      <c r="B961" s="4" t="s">
        <v>1983</v>
      </c>
      <c r="C961" s="3" t="s">
        <v>1984</v>
      </c>
    </row>
    <row r="962" spans="1:3" x14ac:dyDescent="0.15">
      <c r="A962" s="3">
        <v>2011411074</v>
      </c>
      <c r="B962" s="4" t="s">
        <v>2379</v>
      </c>
      <c r="C962" s="3" t="s">
        <v>2380</v>
      </c>
    </row>
    <row r="963" spans="1:3" ht="27" x14ac:dyDescent="0.15">
      <c r="A963" s="3">
        <v>2008400026</v>
      </c>
      <c r="B963" s="4" t="s">
        <v>44</v>
      </c>
      <c r="C963" s="3" t="s">
        <v>45</v>
      </c>
    </row>
    <row r="964" spans="1:3" ht="27" x14ac:dyDescent="0.15">
      <c r="A964" s="3">
        <v>2011411087</v>
      </c>
      <c r="B964" s="4" t="s">
        <v>2396</v>
      </c>
      <c r="C964" s="3" t="s">
        <v>2397</v>
      </c>
    </row>
    <row r="965" spans="1:3" ht="27" x14ac:dyDescent="0.15">
      <c r="A965" s="3">
        <v>2011414318</v>
      </c>
      <c r="B965" s="4" t="s">
        <v>2396</v>
      </c>
      <c r="C965" s="3" t="s">
        <v>2397</v>
      </c>
    </row>
    <row r="966" spans="1:3" ht="27" x14ac:dyDescent="0.15">
      <c r="A966" s="3">
        <v>2011414319</v>
      </c>
      <c r="B966" s="4" t="s">
        <v>2396</v>
      </c>
      <c r="C966" s="3" t="s">
        <v>2397</v>
      </c>
    </row>
    <row r="967" spans="1:3" ht="40.5" x14ac:dyDescent="0.15">
      <c r="A967" s="3">
        <v>2008400027</v>
      </c>
      <c r="B967" s="4" t="s">
        <v>46</v>
      </c>
      <c r="C967" s="3" t="s">
        <v>47</v>
      </c>
    </row>
    <row r="968" spans="1:3" ht="27" x14ac:dyDescent="0.15">
      <c r="A968" s="3">
        <v>2008400028</v>
      </c>
      <c r="B968" s="4" t="s">
        <v>48</v>
      </c>
      <c r="C968" s="3" t="s">
        <v>47</v>
      </c>
    </row>
    <row r="969" spans="1:3" ht="27" x14ac:dyDescent="0.15">
      <c r="A969" s="3">
        <v>2008400029</v>
      </c>
      <c r="B969" s="4" t="s">
        <v>49</v>
      </c>
      <c r="C969" s="3" t="s">
        <v>47</v>
      </c>
    </row>
    <row r="970" spans="1:3" ht="27" x14ac:dyDescent="0.15">
      <c r="A970" s="3">
        <v>2008400030</v>
      </c>
      <c r="B970" s="4" t="s">
        <v>50</v>
      </c>
      <c r="C970" s="3" t="s">
        <v>47</v>
      </c>
    </row>
    <row r="971" spans="1:3" ht="27" x14ac:dyDescent="0.15">
      <c r="A971" s="3">
        <v>2008400031</v>
      </c>
      <c r="B971" s="4" t="s">
        <v>51</v>
      </c>
      <c r="C971" s="3" t="s">
        <v>47</v>
      </c>
    </row>
    <row r="972" spans="1:3" ht="27" x14ac:dyDescent="0.15">
      <c r="A972" s="3">
        <v>2008400032</v>
      </c>
      <c r="B972" s="4" t="s">
        <v>52</v>
      </c>
      <c r="C972" s="3" t="s">
        <v>47</v>
      </c>
    </row>
    <row r="973" spans="1:3" ht="27" x14ac:dyDescent="0.15">
      <c r="A973" s="3">
        <v>2008400033</v>
      </c>
      <c r="B973" s="4" t="s">
        <v>53</v>
      </c>
      <c r="C973" s="3" t="s">
        <v>47</v>
      </c>
    </row>
    <row r="974" spans="1:3" ht="27" x14ac:dyDescent="0.15">
      <c r="A974" s="3">
        <v>2008400034</v>
      </c>
      <c r="B974" s="4" t="s">
        <v>54</v>
      </c>
      <c r="C974" s="3" t="s">
        <v>47</v>
      </c>
    </row>
    <row r="975" spans="1:3" ht="27" x14ac:dyDescent="0.15">
      <c r="A975" s="3">
        <v>2008400035</v>
      </c>
      <c r="B975" s="4" t="s">
        <v>55</v>
      </c>
      <c r="C975" s="3" t="s">
        <v>47</v>
      </c>
    </row>
    <row r="976" spans="1:3" ht="27" x14ac:dyDescent="0.15">
      <c r="A976" s="3">
        <v>2008400036</v>
      </c>
      <c r="B976" s="4" t="s">
        <v>56</v>
      </c>
      <c r="C976" s="3" t="s">
        <v>47</v>
      </c>
    </row>
    <row r="977" spans="1:3" ht="27" x14ac:dyDescent="0.15">
      <c r="A977" s="3">
        <v>2008400037</v>
      </c>
      <c r="B977" s="4" t="s">
        <v>57</v>
      </c>
      <c r="C977" s="3" t="s">
        <v>47</v>
      </c>
    </row>
    <row r="978" spans="1:3" ht="27" x14ac:dyDescent="0.15">
      <c r="A978" s="3">
        <v>2008400038</v>
      </c>
      <c r="B978" s="4" t="s">
        <v>58</v>
      </c>
      <c r="C978" s="3" t="s">
        <v>47</v>
      </c>
    </row>
    <row r="979" spans="1:3" ht="27" x14ac:dyDescent="0.15">
      <c r="A979" s="3">
        <v>2008400080</v>
      </c>
      <c r="B979" s="4" t="s">
        <v>109</v>
      </c>
      <c r="C979" s="3" t="s">
        <v>47</v>
      </c>
    </row>
    <row r="980" spans="1:3" ht="27" x14ac:dyDescent="0.15">
      <c r="A980" s="3">
        <v>2008400081</v>
      </c>
      <c r="B980" s="4" t="s">
        <v>110</v>
      </c>
      <c r="C980" s="3" t="s">
        <v>47</v>
      </c>
    </row>
    <row r="981" spans="1:3" ht="27" x14ac:dyDescent="0.15">
      <c r="A981" s="3">
        <v>2008400161</v>
      </c>
      <c r="B981" s="4" t="s">
        <v>200</v>
      </c>
      <c r="C981" s="3" t="s">
        <v>47</v>
      </c>
    </row>
    <row r="982" spans="1:3" x14ac:dyDescent="0.15">
      <c r="A982" s="3">
        <v>2008400162</v>
      </c>
      <c r="B982" s="4" t="s">
        <v>201</v>
      </c>
      <c r="C982" s="3" t="s">
        <v>47</v>
      </c>
    </row>
    <row r="983" spans="1:3" ht="27" x14ac:dyDescent="0.15">
      <c r="A983" s="3">
        <v>2008400163</v>
      </c>
      <c r="B983" s="4" t="s">
        <v>202</v>
      </c>
      <c r="C983" s="3" t="s">
        <v>47</v>
      </c>
    </row>
    <row r="984" spans="1:3" ht="27" x14ac:dyDescent="0.15">
      <c r="A984" s="3">
        <v>2008400164</v>
      </c>
      <c r="B984" s="4" t="s">
        <v>203</v>
      </c>
      <c r="C984" s="3" t="s">
        <v>47</v>
      </c>
    </row>
    <row r="985" spans="1:3" ht="27" x14ac:dyDescent="0.15">
      <c r="A985" s="3">
        <v>2008400165</v>
      </c>
      <c r="B985" s="4" t="s">
        <v>204</v>
      </c>
      <c r="C985" s="3" t="s">
        <v>47</v>
      </c>
    </row>
    <row r="986" spans="1:3" ht="27" x14ac:dyDescent="0.15">
      <c r="A986" s="3">
        <v>2008400166</v>
      </c>
      <c r="B986" s="4" t="s">
        <v>205</v>
      </c>
      <c r="C986" s="3" t="s">
        <v>47</v>
      </c>
    </row>
    <row r="987" spans="1:3" ht="27" x14ac:dyDescent="0.15">
      <c r="A987" s="3">
        <v>2008400185</v>
      </c>
      <c r="B987" s="4" t="s">
        <v>224</v>
      </c>
      <c r="C987" s="3" t="s">
        <v>47</v>
      </c>
    </row>
    <row r="988" spans="1:3" ht="27" x14ac:dyDescent="0.15">
      <c r="A988" s="3">
        <v>2008400691</v>
      </c>
      <c r="B988" s="4" t="s">
        <v>824</v>
      </c>
      <c r="C988" s="3" t="s">
        <v>47</v>
      </c>
    </row>
    <row r="989" spans="1:3" ht="27" x14ac:dyDescent="0.15">
      <c r="A989" s="3">
        <v>2008400692</v>
      </c>
      <c r="B989" s="4" t="s">
        <v>825</v>
      </c>
      <c r="C989" s="3" t="s">
        <v>47</v>
      </c>
    </row>
    <row r="990" spans="1:3" ht="27" x14ac:dyDescent="0.15">
      <c r="A990" s="3">
        <v>2008400693</v>
      </c>
      <c r="B990" s="4" t="s">
        <v>826</v>
      </c>
      <c r="C990" s="3" t="s">
        <v>47</v>
      </c>
    </row>
    <row r="991" spans="1:3" ht="27" x14ac:dyDescent="0.15">
      <c r="A991" s="3">
        <v>2008400694</v>
      </c>
      <c r="B991" s="4" t="s">
        <v>827</v>
      </c>
      <c r="C991" s="3" t="s">
        <v>47</v>
      </c>
    </row>
    <row r="992" spans="1:3" ht="40.5" x14ac:dyDescent="0.15">
      <c r="A992" s="3">
        <v>2008400695</v>
      </c>
      <c r="B992" s="4" t="s">
        <v>828</v>
      </c>
      <c r="C992" s="3" t="s">
        <v>47</v>
      </c>
    </row>
    <row r="993" spans="1:3" ht="27" x14ac:dyDescent="0.15">
      <c r="A993" s="3">
        <v>2008400696</v>
      </c>
      <c r="B993" s="4" t="s">
        <v>52</v>
      </c>
      <c r="C993" s="3" t="s">
        <v>47</v>
      </c>
    </row>
    <row r="994" spans="1:3" ht="27" x14ac:dyDescent="0.15">
      <c r="A994" s="3">
        <v>2008400697</v>
      </c>
      <c r="B994" s="4" t="s">
        <v>829</v>
      </c>
      <c r="C994" s="3" t="s">
        <v>47</v>
      </c>
    </row>
    <row r="995" spans="1:3" ht="27" x14ac:dyDescent="0.15">
      <c r="A995" s="3">
        <v>2008400698</v>
      </c>
      <c r="B995" s="4" t="s">
        <v>830</v>
      </c>
      <c r="C995" s="3" t="s">
        <v>47</v>
      </c>
    </row>
    <row r="996" spans="1:3" ht="27" x14ac:dyDescent="0.15">
      <c r="A996" s="3">
        <v>2008400699</v>
      </c>
      <c r="B996" s="4" t="s">
        <v>831</v>
      </c>
      <c r="C996" s="3" t="s">
        <v>47</v>
      </c>
    </row>
    <row r="997" spans="1:3" ht="27" x14ac:dyDescent="0.15">
      <c r="A997" s="3">
        <v>2008400700</v>
      </c>
      <c r="B997" s="4" t="s">
        <v>832</v>
      </c>
      <c r="C997" s="3" t="s">
        <v>47</v>
      </c>
    </row>
    <row r="998" spans="1:3" ht="40.5" x14ac:dyDescent="0.15">
      <c r="A998" s="3">
        <v>2008400701</v>
      </c>
      <c r="B998" s="4" t="s">
        <v>833</v>
      </c>
      <c r="C998" s="3" t="s">
        <v>47</v>
      </c>
    </row>
    <row r="999" spans="1:3" ht="27" x14ac:dyDescent="0.15">
      <c r="A999" s="3">
        <v>2008400702</v>
      </c>
      <c r="B999" s="4" t="s">
        <v>834</v>
      </c>
      <c r="C999" s="3" t="s">
        <v>47</v>
      </c>
    </row>
    <row r="1000" spans="1:3" ht="27" x14ac:dyDescent="0.15">
      <c r="A1000" s="3">
        <v>2008400703</v>
      </c>
      <c r="B1000" s="4" t="s">
        <v>835</v>
      </c>
      <c r="C1000" s="3" t="s">
        <v>47</v>
      </c>
    </row>
    <row r="1001" spans="1:3" ht="27" x14ac:dyDescent="0.15">
      <c r="A1001" s="3">
        <v>2008400704</v>
      </c>
      <c r="B1001" s="4" t="s">
        <v>836</v>
      </c>
      <c r="C1001" s="3" t="s">
        <v>47</v>
      </c>
    </row>
    <row r="1002" spans="1:3" ht="27" x14ac:dyDescent="0.15">
      <c r="A1002" s="3">
        <v>2008400705</v>
      </c>
      <c r="B1002" s="4" t="s">
        <v>837</v>
      </c>
      <c r="C1002" s="3" t="s">
        <v>47</v>
      </c>
    </row>
    <row r="1003" spans="1:3" ht="27" x14ac:dyDescent="0.15">
      <c r="A1003" s="3">
        <v>2008400737</v>
      </c>
      <c r="B1003" s="4" t="s">
        <v>48</v>
      </c>
      <c r="C1003" s="3" t="s">
        <v>47</v>
      </c>
    </row>
    <row r="1004" spans="1:3" ht="27" x14ac:dyDescent="0.15">
      <c r="A1004" s="3">
        <v>2008400738</v>
      </c>
      <c r="B1004" s="4" t="s">
        <v>862</v>
      </c>
      <c r="C1004" s="3" t="s">
        <v>47</v>
      </c>
    </row>
    <row r="1005" spans="1:3" ht="27" x14ac:dyDescent="0.15">
      <c r="A1005" s="3">
        <v>2008400739</v>
      </c>
      <c r="B1005" s="4" t="s">
        <v>863</v>
      </c>
      <c r="C1005" s="3" t="s">
        <v>47</v>
      </c>
    </row>
    <row r="1006" spans="1:3" ht="27" x14ac:dyDescent="0.15">
      <c r="A1006" s="3">
        <v>2008400740</v>
      </c>
      <c r="B1006" s="4" t="s">
        <v>864</v>
      </c>
      <c r="C1006" s="3" t="s">
        <v>47</v>
      </c>
    </row>
    <row r="1007" spans="1:3" ht="27" x14ac:dyDescent="0.15">
      <c r="A1007" s="3">
        <v>2008400741</v>
      </c>
      <c r="B1007" s="4" t="s">
        <v>865</v>
      </c>
      <c r="C1007" s="3" t="s">
        <v>47</v>
      </c>
    </row>
    <row r="1008" spans="1:3" ht="27" x14ac:dyDescent="0.15">
      <c r="A1008" s="3">
        <v>2008400742</v>
      </c>
      <c r="B1008" s="4" t="s">
        <v>866</v>
      </c>
      <c r="C1008" s="3" t="s">
        <v>47</v>
      </c>
    </row>
    <row r="1009" spans="1:3" ht="27" x14ac:dyDescent="0.15">
      <c r="A1009" s="3">
        <v>2008400743</v>
      </c>
      <c r="B1009" s="4" t="s">
        <v>867</v>
      </c>
      <c r="C1009" s="3" t="s">
        <v>47</v>
      </c>
    </row>
    <row r="1010" spans="1:3" ht="27" x14ac:dyDescent="0.15">
      <c r="A1010" s="3">
        <v>2008400754</v>
      </c>
      <c r="B1010" s="4" t="s">
        <v>877</v>
      </c>
      <c r="C1010" s="3" t="s">
        <v>47</v>
      </c>
    </row>
    <row r="1011" spans="1:3" ht="27" x14ac:dyDescent="0.15">
      <c r="A1011" s="3">
        <v>2008400755</v>
      </c>
      <c r="B1011" s="4" t="s">
        <v>878</v>
      </c>
      <c r="C1011" s="3" t="s">
        <v>47</v>
      </c>
    </row>
    <row r="1012" spans="1:3" ht="27" x14ac:dyDescent="0.15">
      <c r="A1012" s="3">
        <v>2008400756</v>
      </c>
      <c r="B1012" s="4" t="s">
        <v>879</v>
      </c>
      <c r="C1012" s="3" t="s">
        <v>47</v>
      </c>
    </row>
    <row r="1013" spans="1:3" ht="27" x14ac:dyDescent="0.15">
      <c r="A1013" s="3">
        <v>2008400757</v>
      </c>
      <c r="B1013" s="4" t="s">
        <v>202</v>
      </c>
      <c r="C1013" s="3" t="s">
        <v>47</v>
      </c>
    </row>
    <row r="1014" spans="1:3" ht="27" x14ac:dyDescent="0.15">
      <c r="A1014" s="3">
        <v>2008400758</v>
      </c>
      <c r="B1014" s="4" t="s">
        <v>880</v>
      </c>
      <c r="C1014" s="3" t="s">
        <v>47</v>
      </c>
    </row>
    <row r="1015" spans="1:3" ht="27" x14ac:dyDescent="0.15">
      <c r="A1015" s="3">
        <v>2008400759</v>
      </c>
      <c r="B1015" s="4" t="s">
        <v>881</v>
      </c>
      <c r="C1015" s="3" t="s">
        <v>47</v>
      </c>
    </row>
    <row r="1016" spans="1:3" ht="27" x14ac:dyDescent="0.15">
      <c r="A1016" s="3">
        <v>2008400760</v>
      </c>
      <c r="B1016" s="4" t="s">
        <v>882</v>
      </c>
      <c r="C1016" s="3" t="s">
        <v>47</v>
      </c>
    </row>
    <row r="1017" spans="1:3" ht="27" x14ac:dyDescent="0.15">
      <c r="A1017" s="3">
        <v>2008400761</v>
      </c>
      <c r="B1017" s="4" t="s">
        <v>883</v>
      </c>
      <c r="C1017" s="3" t="s">
        <v>47</v>
      </c>
    </row>
    <row r="1018" spans="1:3" ht="27" x14ac:dyDescent="0.15">
      <c r="A1018" s="3">
        <v>2008400777</v>
      </c>
      <c r="B1018" s="4" t="s">
        <v>902</v>
      </c>
      <c r="C1018" s="3" t="s">
        <v>47</v>
      </c>
    </row>
    <row r="1019" spans="1:3" ht="27" x14ac:dyDescent="0.15">
      <c r="A1019" s="3">
        <v>2008400778</v>
      </c>
      <c r="B1019" s="4" t="s">
        <v>903</v>
      </c>
      <c r="C1019" s="3" t="s">
        <v>47</v>
      </c>
    </row>
    <row r="1020" spans="1:3" ht="27" x14ac:dyDescent="0.15">
      <c r="A1020" s="3">
        <v>2008400779</v>
      </c>
      <c r="B1020" s="4" t="s">
        <v>904</v>
      </c>
      <c r="C1020" s="3" t="s">
        <v>47</v>
      </c>
    </row>
    <row r="1021" spans="1:3" ht="27" x14ac:dyDescent="0.15">
      <c r="A1021" s="3">
        <v>2008400780</v>
      </c>
      <c r="B1021" s="4" t="s">
        <v>905</v>
      </c>
      <c r="C1021" s="3" t="s">
        <v>47</v>
      </c>
    </row>
    <row r="1022" spans="1:3" ht="27" x14ac:dyDescent="0.15">
      <c r="A1022" s="3">
        <v>2008400781</v>
      </c>
      <c r="B1022" s="4" t="s">
        <v>906</v>
      </c>
      <c r="C1022" s="3" t="s">
        <v>47</v>
      </c>
    </row>
    <row r="1023" spans="1:3" x14ac:dyDescent="0.15">
      <c r="A1023" s="3">
        <v>2011410018</v>
      </c>
      <c r="B1023" s="4" t="s">
        <v>1086</v>
      </c>
      <c r="C1023" s="3" t="s">
        <v>47</v>
      </c>
    </row>
    <row r="1024" spans="1:3" ht="27" x14ac:dyDescent="0.15">
      <c r="A1024" s="3">
        <v>2011410706</v>
      </c>
      <c r="B1024" s="4" t="s">
        <v>827</v>
      </c>
      <c r="C1024" s="3" t="s">
        <v>47</v>
      </c>
    </row>
    <row r="1025" spans="1:3" ht="27" x14ac:dyDescent="0.15">
      <c r="A1025" s="3">
        <v>2011410707</v>
      </c>
      <c r="B1025" s="4" t="s">
        <v>1985</v>
      </c>
      <c r="C1025" s="3" t="s">
        <v>47</v>
      </c>
    </row>
    <row r="1026" spans="1:3" ht="27" x14ac:dyDescent="0.15">
      <c r="A1026" s="3">
        <v>2011410708</v>
      </c>
      <c r="B1026" s="4" t="s">
        <v>1986</v>
      </c>
      <c r="C1026" s="3" t="s">
        <v>47</v>
      </c>
    </row>
    <row r="1027" spans="1:3" ht="27" x14ac:dyDescent="0.15">
      <c r="A1027" s="3">
        <v>2011410710</v>
      </c>
      <c r="B1027" s="4" t="s">
        <v>1989</v>
      </c>
      <c r="C1027" s="3" t="s">
        <v>47</v>
      </c>
    </row>
    <row r="1028" spans="1:3" x14ac:dyDescent="0.15">
      <c r="A1028" s="3">
        <v>2011411080</v>
      </c>
      <c r="B1028" s="4" t="s">
        <v>2389</v>
      </c>
      <c r="C1028" s="3" t="s">
        <v>47</v>
      </c>
    </row>
    <row r="1029" spans="1:3" ht="27" x14ac:dyDescent="0.15">
      <c r="A1029" s="3">
        <v>2011411081</v>
      </c>
      <c r="B1029" s="4" t="s">
        <v>2390</v>
      </c>
      <c r="C1029" s="3" t="s">
        <v>47</v>
      </c>
    </row>
    <row r="1030" spans="1:3" x14ac:dyDescent="0.15">
      <c r="A1030" s="3">
        <v>2011411082</v>
      </c>
      <c r="B1030" s="4" t="s">
        <v>2391</v>
      </c>
      <c r="C1030" s="3" t="s">
        <v>47</v>
      </c>
    </row>
    <row r="1031" spans="1:3" ht="27" x14ac:dyDescent="0.15">
      <c r="A1031" s="3">
        <v>2011411083</v>
      </c>
      <c r="B1031" s="4" t="s">
        <v>2392</v>
      </c>
      <c r="C1031" s="3" t="s">
        <v>47</v>
      </c>
    </row>
    <row r="1032" spans="1:3" x14ac:dyDescent="0.15">
      <c r="A1032" s="3">
        <v>2011411084</v>
      </c>
      <c r="B1032" s="4" t="s">
        <v>2393</v>
      </c>
      <c r="C1032" s="3" t="s">
        <v>47</v>
      </c>
    </row>
    <row r="1033" spans="1:3" ht="27" x14ac:dyDescent="0.15">
      <c r="A1033" s="3">
        <v>2011411085</v>
      </c>
      <c r="B1033" s="4" t="s">
        <v>2394</v>
      </c>
      <c r="C1033" s="3" t="s">
        <v>47</v>
      </c>
    </row>
    <row r="1034" spans="1:3" x14ac:dyDescent="0.15">
      <c r="A1034" s="3">
        <v>2011411086</v>
      </c>
      <c r="B1034" s="4" t="s">
        <v>2395</v>
      </c>
      <c r="C1034" s="3" t="s">
        <v>47</v>
      </c>
    </row>
    <row r="1035" spans="1:3" x14ac:dyDescent="0.15">
      <c r="A1035" s="3">
        <v>2008400039</v>
      </c>
      <c r="B1035" s="4" t="s">
        <v>59</v>
      </c>
      <c r="C1035" s="3" t="s">
        <v>60</v>
      </c>
    </row>
    <row r="1036" spans="1:3" x14ac:dyDescent="0.15">
      <c r="A1036" s="3">
        <v>2011410736</v>
      </c>
      <c r="B1036" s="4" t="s">
        <v>2029</v>
      </c>
      <c r="C1036" s="3" t="s">
        <v>60</v>
      </c>
    </row>
    <row r="1037" spans="1:3" ht="27" x14ac:dyDescent="0.15">
      <c r="A1037" s="3">
        <v>2011410737</v>
      </c>
      <c r="B1037" s="4" t="s">
        <v>2030</v>
      </c>
      <c r="C1037" s="3" t="s">
        <v>60</v>
      </c>
    </row>
    <row r="1038" spans="1:3" ht="27" x14ac:dyDescent="0.15">
      <c r="A1038" s="3">
        <v>2011410739</v>
      </c>
      <c r="B1038" s="4" t="s">
        <v>2033</v>
      </c>
      <c r="C1038" s="3" t="s">
        <v>60</v>
      </c>
    </row>
    <row r="1039" spans="1:3" x14ac:dyDescent="0.15">
      <c r="A1039" s="3">
        <v>2011411076</v>
      </c>
      <c r="B1039" s="4" t="s">
        <v>2383</v>
      </c>
      <c r="C1039" s="3" t="s">
        <v>60</v>
      </c>
    </row>
    <row r="1040" spans="1:3" ht="27" x14ac:dyDescent="0.15">
      <c r="A1040" s="3">
        <v>2011410742</v>
      </c>
      <c r="B1040" s="4" t="s">
        <v>2038</v>
      </c>
      <c r="C1040" s="3" t="s">
        <v>2039</v>
      </c>
    </row>
    <row r="1041" spans="1:3" ht="27" x14ac:dyDescent="0.15">
      <c r="A1041" s="3">
        <v>2011410743</v>
      </c>
      <c r="B1041" s="4" t="s">
        <v>2038</v>
      </c>
      <c r="C1041" s="3" t="s">
        <v>2039</v>
      </c>
    </row>
    <row r="1042" spans="1:3" ht="27" x14ac:dyDescent="0.15">
      <c r="A1042" s="3">
        <v>2011410744</v>
      </c>
      <c r="B1042" s="4" t="s">
        <v>2040</v>
      </c>
      <c r="C1042" s="3" t="s">
        <v>2039</v>
      </c>
    </row>
    <row r="1043" spans="1:3" x14ac:dyDescent="0.15">
      <c r="A1043" s="3">
        <v>2011411122</v>
      </c>
      <c r="B1043" s="4" t="s">
        <v>2446</v>
      </c>
      <c r="C1043" s="3" t="s">
        <v>2447</v>
      </c>
    </row>
    <row r="1044" spans="1:3" ht="40.5" x14ac:dyDescent="0.15">
      <c r="A1044" s="3">
        <v>2011411102</v>
      </c>
      <c r="B1044" s="4" t="s">
        <v>2419</v>
      </c>
      <c r="C1044" s="3" t="s">
        <v>2420</v>
      </c>
    </row>
    <row r="1045" spans="1:3" ht="27" x14ac:dyDescent="0.15">
      <c r="A1045" s="3">
        <v>2011410752</v>
      </c>
      <c r="B1045" s="4" t="s">
        <v>2045</v>
      </c>
      <c r="C1045" s="3" t="s">
        <v>2046</v>
      </c>
    </row>
    <row r="1046" spans="1:3" ht="27" x14ac:dyDescent="0.15">
      <c r="A1046" s="3">
        <v>2011411110</v>
      </c>
      <c r="B1046" s="4" t="s">
        <v>2431</v>
      </c>
      <c r="C1046" s="3" t="s">
        <v>2432</v>
      </c>
    </row>
    <row r="1047" spans="1:3" ht="27" x14ac:dyDescent="0.15">
      <c r="A1047" s="3">
        <v>2011411118</v>
      </c>
      <c r="B1047" s="4" t="s">
        <v>2442</v>
      </c>
      <c r="C1047" s="3" t="s">
        <v>2432</v>
      </c>
    </row>
    <row r="1048" spans="1:3" ht="27" x14ac:dyDescent="0.15">
      <c r="A1048" s="3">
        <v>2011411109</v>
      </c>
      <c r="B1048" s="4" t="s">
        <v>2429</v>
      </c>
      <c r="C1048" s="3" t="s">
        <v>2430</v>
      </c>
    </row>
    <row r="1049" spans="1:3" ht="27" x14ac:dyDescent="0.15">
      <c r="A1049" s="3">
        <v>2011411108</v>
      </c>
      <c r="B1049" s="4" t="s">
        <v>2427</v>
      </c>
      <c r="C1049" s="3" t="s">
        <v>2428</v>
      </c>
    </row>
    <row r="1050" spans="1:3" ht="27" x14ac:dyDescent="0.15">
      <c r="A1050" s="3">
        <v>2011414321</v>
      </c>
      <c r="B1050" s="4" t="s">
        <v>6437</v>
      </c>
      <c r="C1050" s="3" t="s">
        <v>2428</v>
      </c>
    </row>
    <row r="1051" spans="1:3" ht="27" x14ac:dyDescent="0.15">
      <c r="A1051" s="3">
        <v>2011411116</v>
      </c>
      <c r="B1051" s="4" t="s">
        <v>2439</v>
      </c>
      <c r="C1051" s="3" t="s">
        <v>2440</v>
      </c>
    </row>
    <row r="1052" spans="1:3" ht="27" x14ac:dyDescent="0.15">
      <c r="A1052" s="3">
        <v>2011411121</v>
      </c>
      <c r="B1052" s="4" t="s">
        <v>2444</v>
      </c>
      <c r="C1052" s="3" t="s">
        <v>2445</v>
      </c>
    </row>
    <row r="1053" spans="1:3" ht="27" x14ac:dyDescent="0.15">
      <c r="A1053" s="3">
        <v>2011410760</v>
      </c>
      <c r="B1053" s="4" t="s">
        <v>2052</v>
      </c>
      <c r="C1053" s="3" t="s">
        <v>2053</v>
      </c>
    </row>
    <row r="1054" spans="1:3" ht="27" x14ac:dyDescent="0.15">
      <c r="A1054" s="3">
        <v>2011414280</v>
      </c>
      <c r="B1054" s="4" t="s">
        <v>6388</v>
      </c>
      <c r="C1054" s="3" t="s">
        <v>6389</v>
      </c>
    </row>
    <row r="1055" spans="1:3" ht="27" x14ac:dyDescent="0.15">
      <c r="A1055" s="3">
        <v>2011414281</v>
      </c>
      <c r="B1055" s="4" t="s">
        <v>6390</v>
      </c>
      <c r="C1055" s="3" t="s">
        <v>6389</v>
      </c>
    </row>
    <row r="1056" spans="1:3" ht="27" x14ac:dyDescent="0.15">
      <c r="A1056" s="3">
        <v>2008400040</v>
      </c>
      <c r="B1056" s="4" t="s">
        <v>61</v>
      </c>
      <c r="C1056" s="3" t="s">
        <v>62</v>
      </c>
    </row>
    <row r="1057" spans="1:3" ht="27" x14ac:dyDescent="0.15">
      <c r="A1057" s="3">
        <v>2008400041</v>
      </c>
      <c r="B1057" s="4" t="s">
        <v>63</v>
      </c>
      <c r="C1057" s="3" t="s">
        <v>62</v>
      </c>
    </row>
    <row r="1058" spans="1:3" ht="27" x14ac:dyDescent="0.15">
      <c r="A1058" s="3">
        <v>2008400042</v>
      </c>
      <c r="B1058" s="4" t="s">
        <v>64</v>
      </c>
      <c r="C1058" s="3" t="s">
        <v>62</v>
      </c>
    </row>
    <row r="1059" spans="1:3" ht="27" x14ac:dyDescent="0.15">
      <c r="A1059" s="3">
        <v>2008400043</v>
      </c>
      <c r="B1059" s="4" t="s">
        <v>65</v>
      </c>
      <c r="C1059" s="3" t="s">
        <v>62</v>
      </c>
    </row>
    <row r="1060" spans="1:3" ht="40.5" x14ac:dyDescent="0.15">
      <c r="A1060" s="3">
        <v>2008400044</v>
      </c>
      <c r="B1060" s="4" t="s">
        <v>66</v>
      </c>
      <c r="C1060" s="3" t="s">
        <v>62</v>
      </c>
    </row>
    <row r="1061" spans="1:3" x14ac:dyDescent="0.15">
      <c r="A1061" s="3">
        <v>2008400045</v>
      </c>
      <c r="B1061" s="4" t="s">
        <v>67</v>
      </c>
      <c r="C1061" s="3" t="s">
        <v>62</v>
      </c>
    </row>
    <row r="1062" spans="1:3" ht="40.5" x14ac:dyDescent="0.15">
      <c r="A1062" s="3">
        <v>2008400046</v>
      </c>
      <c r="B1062" s="4" t="s">
        <v>68</v>
      </c>
      <c r="C1062" s="3" t="s">
        <v>62</v>
      </c>
    </row>
    <row r="1063" spans="1:3" ht="27" x14ac:dyDescent="0.15">
      <c r="A1063" s="3">
        <v>2008400047</v>
      </c>
      <c r="B1063" s="4" t="s">
        <v>69</v>
      </c>
      <c r="C1063" s="3" t="s">
        <v>62</v>
      </c>
    </row>
    <row r="1064" spans="1:3" ht="27" x14ac:dyDescent="0.15">
      <c r="A1064" s="3">
        <v>2008400082</v>
      </c>
      <c r="B1064" s="4" t="s">
        <v>111</v>
      </c>
      <c r="C1064" s="3" t="s">
        <v>62</v>
      </c>
    </row>
    <row r="1065" spans="1:3" ht="27" x14ac:dyDescent="0.15">
      <c r="A1065" s="3">
        <v>2008400706</v>
      </c>
      <c r="B1065" s="4" t="s">
        <v>838</v>
      </c>
      <c r="C1065" s="3" t="s">
        <v>62</v>
      </c>
    </row>
    <row r="1066" spans="1:3" ht="27" x14ac:dyDescent="0.15">
      <c r="A1066" s="3">
        <v>2008400707</v>
      </c>
      <c r="B1066" s="4" t="s">
        <v>839</v>
      </c>
      <c r="C1066" s="3" t="s">
        <v>62</v>
      </c>
    </row>
    <row r="1067" spans="1:3" ht="40.5" x14ac:dyDescent="0.15">
      <c r="A1067" s="3">
        <v>2008400708</v>
      </c>
      <c r="B1067" s="4" t="s">
        <v>68</v>
      </c>
      <c r="C1067" s="3" t="s">
        <v>62</v>
      </c>
    </row>
    <row r="1068" spans="1:3" ht="27" x14ac:dyDescent="0.15">
      <c r="A1068" s="3">
        <v>2008400744</v>
      </c>
      <c r="B1068" s="4" t="s">
        <v>868</v>
      </c>
      <c r="C1068" s="3" t="s">
        <v>62</v>
      </c>
    </row>
    <row r="1069" spans="1:3" ht="27" x14ac:dyDescent="0.15">
      <c r="A1069" s="3">
        <v>2008400745</v>
      </c>
      <c r="B1069" s="4" t="s">
        <v>869</v>
      </c>
      <c r="C1069" s="3" t="s">
        <v>62</v>
      </c>
    </row>
    <row r="1070" spans="1:3" ht="27" x14ac:dyDescent="0.15">
      <c r="A1070" s="3">
        <v>2008400746</v>
      </c>
      <c r="B1070" s="4" t="s">
        <v>870</v>
      </c>
      <c r="C1070" s="3" t="s">
        <v>62</v>
      </c>
    </row>
    <row r="1071" spans="1:3" ht="27" x14ac:dyDescent="0.15">
      <c r="A1071" s="3">
        <v>2008400747</v>
      </c>
      <c r="B1071" s="4" t="s">
        <v>871</v>
      </c>
      <c r="C1071" s="3" t="s">
        <v>62</v>
      </c>
    </row>
    <row r="1072" spans="1:3" ht="27" x14ac:dyDescent="0.15">
      <c r="A1072" s="3">
        <v>2008400748</v>
      </c>
      <c r="B1072" s="4" t="s">
        <v>872</v>
      </c>
      <c r="C1072" s="3" t="s">
        <v>62</v>
      </c>
    </row>
    <row r="1073" spans="1:3" ht="27" x14ac:dyDescent="0.15">
      <c r="A1073" s="3">
        <v>2008400749</v>
      </c>
      <c r="B1073" s="4" t="s">
        <v>873</v>
      </c>
      <c r="C1073" s="3" t="s">
        <v>62</v>
      </c>
    </row>
    <row r="1074" spans="1:3" ht="27" x14ac:dyDescent="0.15">
      <c r="A1074" s="3">
        <v>2011410745</v>
      </c>
      <c r="B1074" s="4" t="s">
        <v>871</v>
      </c>
      <c r="C1074" s="3" t="s">
        <v>62</v>
      </c>
    </row>
    <row r="1075" spans="1:3" ht="27" x14ac:dyDescent="0.15">
      <c r="A1075" s="3">
        <v>2011410746</v>
      </c>
      <c r="B1075" s="4" t="s">
        <v>2041</v>
      </c>
      <c r="C1075" s="3" t="s">
        <v>62</v>
      </c>
    </row>
    <row r="1076" spans="1:3" ht="27" x14ac:dyDescent="0.15">
      <c r="A1076" s="3">
        <v>2011410747</v>
      </c>
      <c r="B1076" s="4" t="s">
        <v>2042</v>
      </c>
      <c r="C1076" s="3" t="s">
        <v>62</v>
      </c>
    </row>
    <row r="1077" spans="1:3" ht="27" x14ac:dyDescent="0.15">
      <c r="A1077" s="3">
        <v>2011410748</v>
      </c>
      <c r="B1077" s="4" t="s">
        <v>870</v>
      </c>
      <c r="C1077" s="3" t="s">
        <v>62</v>
      </c>
    </row>
    <row r="1078" spans="1:3" ht="27" x14ac:dyDescent="0.15">
      <c r="A1078" s="3">
        <v>2011410749</v>
      </c>
      <c r="B1078" s="4" t="s">
        <v>2043</v>
      </c>
      <c r="C1078" s="3" t="s">
        <v>62</v>
      </c>
    </row>
    <row r="1079" spans="1:3" ht="27" x14ac:dyDescent="0.15">
      <c r="A1079" s="3">
        <v>2011410750</v>
      </c>
      <c r="B1079" s="4" t="s">
        <v>868</v>
      </c>
      <c r="C1079" s="3" t="s">
        <v>62</v>
      </c>
    </row>
    <row r="1080" spans="1:3" ht="27" x14ac:dyDescent="0.15">
      <c r="A1080" s="3">
        <v>2011410751</v>
      </c>
      <c r="B1080" s="4" t="s">
        <v>2044</v>
      </c>
      <c r="C1080" s="3" t="s">
        <v>62</v>
      </c>
    </row>
    <row r="1081" spans="1:3" ht="27" x14ac:dyDescent="0.15">
      <c r="A1081" s="3">
        <v>2011410753</v>
      </c>
      <c r="B1081" s="4" t="s">
        <v>2047</v>
      </c>
      <c r="C1081" s="3" t="s">
        <v>62</v>
      </c>
    </row>
    <row r="1082" spans="1:3" ht="40.5" x14ac:dyDescent="0.15">
      <c r="A1082" s="3">
        <v>2011410754</v>
      </c>
      <c r="B1082" s="4" t="s">
        <v>68</v>
      </c>
      <c r="C1082" s="3" t="s">
        <v>62</v>
      </c>
    </row>
    <row r="1083" spans="1:3" ht="27" x14ac:dyDescent="0.15">
      <c r="A1083" s="3">
        <v>2011410755</v>
      </c>
      <c r="B1083" s="4" t="s">
        <v>2048</v>
      </c>
      <c r="C1083" s="3" t="s">
        <v>62</v>
      </c>
    </row>
    <row r="1084" spans="1:3" ht="27" x14ac:dyDescent="0.15">
      <c r="A1084" s="3">
        <v>2011410756</v>
      </c>
      <c r="B1084" s="4" t="s">
        <v>2049</v>
      </c>
      <c r="C1084" s="3" t="s">
        <v>62</v>
      </c>
    </row>
    <row r="1085" spans="1:3" ht="27" x14ac:dyDescent="0.15">
      <c r="A1085" s="3">
        <v>2011410757</v>
      </c>
      <c r="B1085" s="4" t="s">
        <v>2050</v>
      </c>
      <c r="C1085" s="3" t="s">
        <v>62</v>
      </c>
    </row>
    <row r="1086" spans="1:3" ht="40.5" x14ac:dyDescent="0.15">
      <c r="A1086" s="3">
        <v>2011410758</v>
      </c>
      <c r="B1086" s="4" t="s">
        <v>68</v>
      </c>
      <c r="C1086" s="3" t="s">
        <v>62</v>
      </c>
    </row>
    <row r="1087" spans="1:3" ht="27" x14ac:dyDescent="0.15">
      <c r="A1087" s="3">
        <v>2011410759</v>
      </c>
      <c r="B1087" s="4" t="s">
        <v>2051</v>
      </c>
      <c r="C1087" s="3" t="s">
        <v>62</v>
      </c>
    </row>
    <row r="1088" spans="1:3" ht="27" x14ac:dyDescent="0.15">
      <c r="A1088" s="3">
        <v>2011410761</v>
      </c>
      <c r="B1088" s="4" t="s">
        <v>2054</v>
      </c>
      <c r="C1088" s="3" t="s">
        <v>62</v>
      </c>
    </row>
    <row r="1089" spans="1:3" ht="27" x14ac:dyDescent="0.15">
      <c r="A1089" s="3">
        <v>2011410762</v>
      </c>
      <c r="B1089" s="4" t="s">
        <v>2055</v>
      </c>
      <c r="C1089" s="3" t="s">
        <v>62</v>
      </c>
    </row>
    <row r="1090" spans="1:3" ht="27" x14ac:dyDescent="0.15">
      <c r="A1090" s="3">
        <v>2011410763</v>
      </c>
      <c r="B1090" s="4" t="s">
        <v>2042</v>
      </c>
      <c r="C1090" s="3" t="s">
        <v>62</v>
      </c>
    </row>
    <row r="1091" spans="1:3" ht="27" x14ac:dyDescent="0.15">
      <c r="A1091" s="3">
        <v>2011410764</v>
      </c>
      <c r="B1091" s="4" t="s">
        <v>2056</v>
      </c>
      <c r="C1091" s="3" t="s">
        <v>62</v>
      </c>
    </row>
    <row r="1092" spans="1:3" ht="27" x14ac:dyDescent="0.15">
      <c r="A1092" s="3">
        <v>2011411106</v>
      </c>
      <c r="B1092" s="4" t="s">
        <v>2425</v>
      </c>
      <c r="C1092" s="3" t="s">
        <v>62</v>
      </c>
    </row>
    <row r="1093" spans="1:3" ht="27" x14ac:dyDescent="0.15">
      <c r="A1093" s="3">
        <v>2011411107</v>
      </c>
      <c r="B1093" s="4" t="s">
        <v>2426</v>
      </c>
      <c r="C1093" s="3" t="s">
        <v>62</v>
      </c>
    </row>
    <row r="1094" spans="1:3" ht="27" x14ac:dyDescent="0.15">
      <c r="A1094" s="3">
        <v>2011411111</v>
      </c>
      <c r="B1094" s="4" t="s">
        <v>2433</v>
      </c>
      <c r="C1094" s="3" t="s">
        <v>62</v>
      </c>
    </row>
    <row r="1095" spans="1:3" ht="27" x14ac:dyDescent="0.15">
      <c r="A1095" s="3">
        <v>2011411112</v>
      </c>
      <c r="B1095" s="4" t="s">
        <v>2434</v>
      </c>
      <c r="C1095" s="3" t="s">
        <v>62</v>
      </c>
    </row>
    <row r="1096" spans="1:3" ht="27" x14ac:dyDescent="0.15">
      <c r="A1096" s="3">
        <v>2011411113</v>
      </c>
      <c r="B1096" s="4" t="s">
        <v>2435</v>
      </c>
      <c r="C1096" s="3" t="s">
        <v>62</v>
      </c>
    </row>
    <row r="1097" spans="1:3" ht="27" x14ac:dyDescent="0.15">
      <c r="A1097" s="3">
        <v>2011411114</v>
      </c>
      <c r="B1097" s="4" t="s">
        <v>2436</v>
      </c>
      <c r="C1097" s="3" t="s">
        <v>62</v>
      </c>
    </row>
    <row r="1098" spans="1:3" ht="27" x14ac:dyDescent="0.15">
      <c r="A1098" s="3">
        <v>2011411117</v>
      </c>
      <c r="B1098" s="4" t="s">
        <v>2441</v>
      </c>
      <c r="C1098" s="3" t="s">
        <v>62</v>
      </c>
    </row>
    <row r="1099" spans="1:3" ht="40.5" x14ac:dyDescent="0.15">
      <c r="A1099" s="3">
        <v>2011411119</v>
      </c>
      <c r="B1099" s="4" t="s">
        <v>2443</v>
      </c>
      <c r="C1099" s="3" t="s">
        <v>62</v>
      </c>
    </row>
    <row r="1100" spans="1:3" ht="40.5" x14ac:dyDescent="0.15">
      <c r="A1100" s="3">
        <v>2011411120</v>
      </c>
      <c r="B1100" s="4" t="s">
        <v>2443</v>
      </c>
      <c r="C1100" s="3" t="s">
        <v>62</v>
      </c>
    </row>
    <row r="1101" spans="1:3" ht="40.5" x14ac:dyDescent="0.15">
      <c r="A1101" s="3">
        <v>2011414434</v>
      </c>
      <c r="B1101" s="4" t="s">
        <v>2443</v>
      </c>
      <c r="C1101" s="3" t="s">
        <v>62</v>
      </c>
    </row>
    <row r="1102" spans="1:3" ht="27" x14ac:dyDescent="0.15">
      <c r="A1102" s="3">
        <v>2011411125</v>
      </c>
      <c r="B1102" s="4" t="s">
        <v>2450</v>
      </c>
      <c r="C1102" s="3" t="s">
        <v>2451</v>
      </c>
    </row>
    <row r="1103" spans="1:3" ht="40.5" x14ac:dyDescent="0.15">
      <c r="A1103" s="3">
        <v>2008400048</v>
      </c>
      <c r="B1103" s="4" t="s">
        <v>70</v>
      </c>
      <c r="C1103" s="3" t="s">
        <v>71</v>
      </c>
    </row>
    <row r="1104" spans="1:3" ht="27" x14ac:dyDescent="0.15">
      <c r="A1104" s="3">
        <v>2008400709</v>
      </c>
      <c r="B1104" s="4" t="s">
        <v>840</v>
      </c>
      <c r="C1104" s="3" t="s">
        <v>71</v>
      </c>
    </row>
    <row r="1105" spans="1:3" ht="40.5" x14ac:dyDescent="0.15">
      <c r="A1105" s="3">
        <v>2011410219</v>
      </c>
      <c r="B1105" s="4" t="s">
        <v>1369</v>
      </c>
      <c r="C1105" s="3" t="s">
        <v>71</v>
      </c>
    </row>
    <row r="1106" spans="1:3" ht="27" x14ac:dyDescent="0.15">
      <c r="A1106" s="3">
        <v>2011410765</v>
      </c>
      <c r="B1106" s="4" t="s">
        <v>2057</v>
      </c>
      <c r="C1106" s="3" t="s">
        <v>71</v>
      </c>
    </row>
    <row r="1107" spans="1:3" ht="27" x14ac:dyDescent="0.15">
      <c r="A1107" s="3">
        <v>2011410766</v>
      </c>
      <c r="B1107" s="4" t="s">
        <v>2058</v>
      </c>
      <c r="C1107" s="3" t="s">
        <v>71</v>
      </c>
    </row>
    <row r="1108" spans="1:3" ht="27" x14ac:dyDescent="0.15">
      <c r="A1108" s="3">
        <v>2011410767</v>
      </c>
      <c r="B1108" s="4" t="s">
        <v>2059</v>
      </c>
      <c r="C1108" s="3" t="s">
        <v>71</v>
      </c>
    </row>
    <row r="1109" spans="1:3" x14ac:dyDescent="0.15">
      <c r="A1109" s="3">
        <v>2011410776</v>
      </c>
      <c r="B1109" s="4" t="s">
        <v>2069</v>
      </c>
      <c r="C1109" s="3" t="s">
        <v>71</v>
      </c>
    </row>
    <row r="1110" spans="1:3" ht="27" x14ac:dyDescent="0.15">
      <c r="A1110" s="3">
        <v>2011410777</v>
      </c>
      <c r="B1110" s="4" t="s">
        <v>2070</v>
      </c>
      <c r="C1110" s="3" t="s">
        <v>71</v>
      </c>
    </row>
    <row r="1111" spans="1:3" ht="27" x14ac:dyDescent="0.15">
      <c r="A1111" s="3">
        <v>2011410889</v>
      </c>
      <c r="B1111" s="4" t="s">
        <v>2174</v>
      </c>
      <c r="C1111" s="3" t="s">
        <v>71</v>
      </c>
    </row>
    <row r="1112" spans="1:3" x14ac:dyDescent="0.15">
      <c r="A1112" s="3">
        <v>2011410890</v>
      </c>
      <c r="B1112" s="4" t="s">
        <v>2175</v>
      </c>
      <c r="C1112" s="3" t="s">
        <v>71</v>
      </c>
    </row>
    <row r="1113" spans="1:3" ht="27" x14ac:dyDescent="0.15">
      <c r="A1113" s="3">
        <v>2011410891</v>
      </c>
      <c r="B1113" s="4" t="s">
        <v>2176</v>
      </c>
      <c r="C1113" s="3" t="s">
        <v>71</v>
      </c>
    </row>
    <row r="1114" spans="1:3" ht="27" x14ac:dyDescent="0.15">
      <c r="A1114" s="3">
        <v>2011410892</v>
      </c>
      <c r="B1114" s="4" t="s">
        <v>2177</v>
      </c>
      <c r="C1114" s="3" t="s">
        <v>71</v>
      </c>
    </row>
    <row r="1115" spans="1:3" ht="27" x14ac:dyDescent="0.15">
      <c r="A1115" s="3">
        <v>2011410893</v>
      </c>
      <c r="B1115" s="4" t="s">
        <v>2178</v>
      </c>
      <c r="C1115" s="3" t="s">
        <v>71</v>
      </c>
    </row>
    <row r="1116" spans="1:3" ht="27" x14ac:dyDescent="0.15">
      <c r="A1116" s="3">
        <v>2011410894</v>
      </c>
      <c r="B1116" s="4" t="s">
        <v>2179</v>
      </c>
      <c r="C1116" s="3" t="s">
        <v>71</v>
      </c>
    </row>
    <row r="1117" spans="1:3" ht="27" x14ac:dyDescent="0.15">
      <c r="A1117" s="3">
        <v>2011410895</v>
      </c>
      <c r="B1117" s="4" t="s">
        <v>2180</v>
      </c>
      <c r="C1117" s="3" t="s">
        <v>71</v>
      </c>
    </row>
    <row r="1118" spans="1:3" ht="27" x14ac:dyDescent="0.15">
      <c r="A1118" s="3">
        <v>2011410896</v>
      </c>
      <c r="B1118" s="4" t="s">
        <v>2181</v>
      </c>
      <c r="C1118" s="3" t="s">
        <v>71</v>
      </c>
    </row>
    <row r="1119" spans="1:3" ht="27" x14ac:dyDescent="0.15">
      <c r="A1119" s="3">
        <v>2011410897</v>
      </c>
      <c r="B1119" s="4" t="s">
        <v>2182</v>
      </c>
      <c r="C1119" s="3" t="s">
        <v>71</v>
      </c>
    </row>
    <row r="1120" spans="1:3" ht="27" x14ac:dyDescent="0.15">
      <c r="A1120" s="3">
        <v>2011410898</v>
      </c>
      <c r="B1120" s="4" t="s">
        <v>2183</v>
      </c>
      <c r="C1120" s="3" t="s">
        <v>71</v>
      </c>
    </row>
    <row r="1121" spans="1:3" ht="27" x14ac:dyDescent="0.15">
      <c r="A1121" s="3">
        <v>2011411124</v>
      </c>
      <c r="B1121" s="4" t="s">
        <v>2449</v>
      </c>
      <c r="C1121" s="3" t="s">
        <v>71</v>
      </c>
    </row>
    <row r="1122" spans="1:3" ht="27" x14ac:dyDescent="0.15">
      <c r="A1122" s="3">
        <v>2011411126</v>
      </c>
      <c r="B1122" s="4" t="s">
        <v>2452</v>
      </c>
      <c r="C1122" s="3" t="s">
        <v>71</v>
      </c>
    </row>
    <row r="1123" spans="1:3" x14ac:dyDescent="0.15">
      <c r="A1123" s="3">
        <v>2011410899</v>
      </c>
      <c r="B1123" s="4" t="s">
        <v>2184</v>
      </c>
      <c r="C1123" s="3" t="s">
        <v>2185</v>
      </c>
    </row>
    <row r="1124" spans="1:3" x14ac:dyDescent="0.15">
      <c r="A1124" s="3">
        <v>2011410906</v>
      </c>
      <c r="B1124" s="4" t="s">
        <v>2194</v>
      </c>
      <c r="C1124" s="3" t="s">
        <v>2195</v>
      </c>
    </row>
    <row r="1125" spans="1:3" ht="27" x14ac:dyDescent="0.15">
      <c r="A1125" s="3">
        <v>2011410907</v>
      </c>
      <c r="B1125" s="4" t="s">
        <v>2196</v>
      </c>
      <c r="C1125" s="3" t="s">
        <v>2195</v>
      </c>
    </row>
    <row r="1126" spans="1:3" ht="27" x14ac:dyDescent="0.15">
      <c r="A1126" s="3">
        <v>2011410908</v>
      </c>
      <c r="B1126" s="4" t="s">
        <v>2197</v>
      </c>
      <c r="C1126" s="3" t="s">
        <v>2195</v>
      </c>
    </row>
    <row r="1127" spans="1:3" x14ac:dyDescent="0.15">
      <c r="A1127" s="3">
        <v>2011410909</v>
      </c>
      <c r="B1127" s="4" t="s">
        <v>2198</v>
      </c>
      <c r="C1127" s="3" t="s">
        <v>2195</v>
      </c>
    </row>
    <row r="1128" spans="1:3" ht="27" x14ac:dyDescent="0.15">
      <c r="A1128" s="3">
        <v>2008400122</v>
      </c>
      <c r="B1128" s="4" t="s">
        <v>151</v>
      </c>
      <c r="C1128" s="3" t="s">
        <v>152</v>
      </c>
    </row>
    <row r="1129" spans="1:3" x14ac:dyDescent="0.15">
      <c r="A1129" s="3">
        <v>2011410913</v>
      </c>
      <c r="B1129" s="4" t="s">
        <v>2203</v>
      </c>
      <c r="C1129" s="3" t="s">
        <v>152</v>
      </c>
    </row>
    <row r="1130" spans="1:3" ht="27" x14ac:dyDescent="0.15">
      <c r="A1130" s="3">
        <v>2011410915</v>
      </c>
      <c r="B1130" s="4" t="s">
        <v>2206</v>
      </c>
      <c r="C1130" s="3" t="s">
        <v>2207</v>
      </c>
    </row>
    <row r="1131" spans="1:3" ht="27" x14ac:dyDescent="0.15">
      <c r="A1131" s="3">
        <v>2011410916</v>
      </c>
      <c r="B1131" s="4" t="s">
        <v>2208</v>
      </c>
      <c r="C1131" s="3" t="s">
        <v>2207</v>
      </c>
    </row>
    <row r="1132" spans="1:3" ht="27" x14ac:dyDescent="0.15">
      <c r="A1132" s="3">
        <v>2011410920</v>
      </c>
      <c r="B1132" s="4" t="s">
        <v>2215</v>
      </c>
      <c r="C1132" s="3" t="s">
        <v>2207</v>
      </c>
    </row>
    <row r="1133" spans="1:3" x14ac:dyDescent="0.15">
      <c r="A1133" s="3">
        <v>2011410921</v>
      </c>
      <c r="B1133" s="4" t="s">
        <v>2216</v>
      </c>
      <c r="C1133" s="3" t="s">
        <v>2217</v>
      </c>
    </row>
    <row r="1134" spans="1:3" x14ac:dyDescent="0.15">
      <c r="A1134" s="3">
        <v>2011410922</v>
      </c>
      <c r="B1134" s="4" t="s">
        <v>2216</v>
      </c>
      <c r="C1134" s="3" t="s">
        <v>2217</v>
      </c>
    </row>
    <row r="1135" spans="1:3" x14ac:dyDescent="0.15">
      <c r="A1135" s="3">
        <v>2011410932</v>
      </c>
      <c r="B1135" s="4" t="s">
        <v>2228</v>
      </c>
      <c r="C1135" s="3" t="s">
        <v>2217</v>
      </c>
    </row>
    <row r="1136" spans="1:3" x14ac:dyDescent="0.15">
      <c r="A1136" s="3">
        <v>2011410933</v>
      </c>
      <c r="B1136" s="4" t="s">
        <v>2229</v>
      </c>
      <c r="C1136" s="3" t="s">
        <v>2217</v>
      </c>
    </row>
    <row r="1137" spans="1:3" ht="27" x14ac:dyDescent="0.15">
      <c r="A1137" s="3">
        <v>2011411172</v>
      </c>
      <c r="B1137" s="4" t="s">
        <v>2504</v>
      </c>
      <c r="C1137" s="3" t="s">
        <v>2217</v>
      </c>
    </row>
    <row r="1138" spans="1:3" ht="27" x14ac:dyDescent="0.15">
      <c r="A1138" s="3">
        <v>2011414316</v>
      </c>
      <c r="B1138" s="4" t="s">
        <v>6433</v>
      </c>
      <c r="C1138" s="3" t="s">
        <v>2217</v>
      </c>
    </row>
    <row r="1139" spans="1:3" x14ac:dyDescent="0.15">
      <c r="A1139" s="3">
        <v>2011410947</v>
      </c>
      <c r="B1139" s="4" t="s">
        <v>2248</v>
      </c>
      <c r="C1139" s="3" t="s">
        <v>2249</v>
      </c>
    </row>
    <row r="1140" spans="1:3" ht="27" x14ac:dyDescent="0.15">
      <c r="A1140" s="3">
        <v>2011410949</v>
      </c>
      <c r="B1140" s="4" t="s">
        <v>2252</v>
      </c>
      <c r="C1140" s="3" t="s">
        <v>2249</v>
      </c>
    </row>
    <row r="1141" spans="1:3" ht="27" x14ac:dyDescent="0.15">
      <c r="A1141" s="3">
        <v>2011410950</v>
      </c>
      <c r="B1141" s="4" t="s">
        <v>2252</v>
      </c>
      <c r="C1141" s="3" t="s">
        <v>2249</v>
      </c>
    </row>
    <row r="1142" spans="1:3" ht="27" x14ac:dyDescent="0.15">
      <c r="A1142" s="3">
        <v>2011410951</v>
      </c>
      <c r="B1142" s="4" t="s">
        <v>2252</v>
      </c>
      <c r="C1142" s="3" t="s">
        <v>2249</v>
      </c>
    </row>
    <row r="1143" spans="1:3" ht="27" x14ac:dyDescent="0.15">
      <c r="A1143" s="3">
        <v>2011410952</v>
      </c>
      <c r="B1143" s="4" t="s">
        <v>2253</v>
      </c>
      <c r="C1143" s="3" t="s">
        <v>2249</v>
      </c>
    </row>
    <row r="1144" spans="1:3" ht="27" x14ac:dyDescent="0.15">
      <c r="A1144" s="3">
        <v>2011410953</v>
      </c>
      <c r="B1144" s="4" t="s">
        <v>2253</v>
      </c>
      <c r="C1144" s="3" t="s">
        <v>2249</v>
      </c>
    </row>
    <row r="1145" spans="1:3" ht="27" x14ac:dyDescent="0.15">
      <c r="A1145" s="3">
        <v>2011410954</v>
      </c>
      <c r="B1145" s="4" t="s">
        <v>2253</v>
      </c>
      <c r="C1145" s="3" t="s">
        <v>2249</v>
      </c>
    </row>
    <row r="1146" spans="1:3" ht="27" x14ac:dyDescent="0.15">
      <c r="A1146" s="3">
        <v>2011410955</v>
      </c>
      <c r="B1146" s="4" t="s">
        <v>2254</v>
      </c>
      <c r="C1146" s="3" t="s">
        <v>2249</v>
      </c>
    </row>
    <row r="1147" spans="1:3" ht="27" x14ac:dyDescent="0.15">
      <c r="A1147" s="3">
        <v>2011410956</v>
      </c>
      <c r="B1147" s="4" t="s">
        <v>2254</v>
      </c>
      <c r="C1147" s="3" t="s">
        <v>2249</v>
      </c>
    </row>
    <row r="1148" spans="1:3" ht="27" x14ac:dyDescent="0.15">
      <c r="A1148" s="3">
        <v>2011410957</v>
      </c>
      <c r="B1148" s="4" t="s">
        <v>2254</v>
      </c>
      <c r="C1148" s="3" t="s">
        <v>2249</v>
      </c>
    </row>
    <row r="1149" spans="1:3" ht="27" x14ac:dyDescent="0.15">
      <c r="A1149" s="3">
        <v>2011410958</v>
      </c>
      <c r="B1149" s="4" t="s">
        <v>2255</v>
      </c>
      <c r="C1149" s="3" t="s">
        <v>2249</v>
      </c>
    </row>
    <row r="1150" spans="1:3" ht="27" x14ac:dyDescent="0.15">
      <c r="A1150" s="3">
        <v>2008400123</v>
      </c>
      <c r="B1150" s="4" t="s">
        <v>153</v>
      </c>
      <c r="C1150" s="3" t="s">
        <v>154</v>
      </c>
    </row>
    <row r="1151" spans="1:3" ht="27" x14ac:dyDescent="0.15">
      <c r="A1151" s="3">
        <v>2011410944</v>
      </c>
      <c r="B1151" s="4" t="s">
        <v>2245</v>
      </c>
      <c r="C1151" s="3" t="s">
        <v>154</v>
      </c>
    </row>
    <row r="1152" spans="1:3" ht="27" x14ac:dyDescent="0.15">
      <c r="A1152" s="3">
        <v>2011410945</v>
      </c>
      <c r="B1152" s="4" t="s">
        <v>2246</v>
      </c>
      <c r="C1152" s="3" t="s">
        <v>154</v>
      </c>
    </row>
    <row r="1153" spans="1:3" ht="27" x14ac:dyDescent="0.15">
      <c r="A1153" s="3">
        <v>2011410946</v>
      </c>
      <c r="B1153" s="4" t="s">
        <v>2247</v>
      </c>
      <c r="C1153" s="3" t="s">
        <v>154</v>
      </c>
    </row>
    <row r="1154" spans="1:3" ht="27" x14ac:dyDescent="0.15">
      <c r="A1154" s="3">
        <v>2011410970</v>
      </c>
      <c r="B1154" s="4" t="s">
        <v>2268</v>
      </c>
      <c r="C1154" s="3" t="s">
        <v>154</v>
      </c>
    </row>
    <row r="1155" spans="1:3" x14ac:dyDescent="0.15">
      <c r="A1155" s="3">
        <v>2008400124</v>
      </c>
      <c r="B1155" s="4" t="s">
        <v>155</v>
      </c>
      <c r="C1155" s="3" t="s">
        <v>156</v>
      </c>
    </row>
    <row r="1156" spans="1:3" ht="27" x14ac:dyDescent="0.15">
      <c r="A1156" s="3">
        <v>2008400125</v>
      </c>
      <c r="B1156" s="4" t="s">
        <v>157</v>
      </c>
      <c r="C1156" s="3" t="s">
        <v>156</v>
      </c>
    </row>
    <row r="1157" spans="1:3" ht="27" x14ac:dyDescent="0.15">
      <c r="A1157" s="3">
        <v>2008400126</v>
      </c>
      <c r="B1157" s="4" t="s">
        <v>158</v>
      </c>
      <c r="C1157" s="3" t="s">
        <v>156</v>
      </c>
    </row>
    <row r="1158" spans="1:3" x14ac:dyDescent="0.15">
      <c r="A1158" s="3">
        <v>2008400127</v>
      </c>
      <c r="B1158" s="4" t="s">
        <v>159</v>
      </c>
      <c r="C1158" s="3" t="s">
        <v>156</v>
      </c>
    </row>
    <row r="1159" spans="1:3" ht="27" x14ac:dyDescent="0.15">
      <c r="A1159" s="3">
        <v>2011410973</v>
      </c>
      <c r="B1159" s="4" t="s">
        <v>2273</v>
      </c>
      <c r="C1159" s="3" t="s">
        <v>156</v>
      </c>
    </row>
    <row r="1160" spans="1:3" ht="27" x14ac:dyDescent="0.15">
      <c r="A1160" s="3">
        <v>2011410974</v>
      </c>
      <c r="B1160" s="4" t="s">
        <v>2274</v>
      </c>
      <c r="C1160" s="3" t="s">
        <v>156</v>
      </c>
    </row>
    <row r="1161" spans="1:3" ht="27" x14ac:dyDescent="0.15">
      <c r="A1161" s="3">
        <v>2011410975</v>
      </c>
      <c r="B1161" s="4" t="s">
        <v>2275</v>
      </c>
      <c r="C1161" s="3" t="s">
        <v>156</v>
      </c>
    </row>
    <row r="1162" spans="1:3" ht="27" x14ac:dyDescent="0.15">
      <c r="A1162" s="3">
        <v>2011410976</v>
      </c>
      <c r="B1162" s="4" t="s">
        <v>157</v>
      </c>
      <c r="C1162" s="3" t="s">
        <v>156</v>
      </c>
    </row>
    <row r="1163" spans="1:3" x14ac:dyDescent="0.15">
      <c r="A1163" s="3">
        <v>2011410977</v>
      </c>
      <c r="B1163" s="4" t="s">
        <v>159</v>
      </c>
      <c r="C1163" s="3" t="s">
        <v>156</v>
      </c>
    </row>
    <row r="1164" spans="1:3" ht="27" x14ac:dyDescent="0.15">
      <c r="A1164" s="3">
        <v>2011410978</v>
      </c>
      <c r="B1164" s="4" t="s">
        <v>2276</v>
      </c>
      <c r="C1164" s="3" t="s">
        <v>156</v>
      </c>
    </row>
    <row r="1165" spans="1:3" ht="27" x14ac:dyDescent="0.15">
      <c r="A1165" s="3">
        <v>2011410979</v>
      </c>
      <c r="B1165" s="4" t="s">
        <v>2277</v>
      </c>
      <c r="C1165" s="3" t="s">
        <v>156</v>
      </c>
    </row>
    <row r="1166" spans="1:3" ht="27" x14ac:dyDescent="0.15">
      <c r="A1166" s="3">
        <v>2011410980</v>
      </c>
      <c r="B1166" s="4" t="s">
        <v>2278</v>
      </c>
      <c r="C1166" s="3" t="s">
        <v>156</v>
      </c>
    </row>
    <row r="1167" spans="1:3" ht="27" x14ac:dyDescent="0.15">
      <c r="A1167" s="3">
        <v>2011410981</v>
      </c>
      <c r="B1167" s="4" t="s">
        <v>2279</v>
      </c>
      <c r="C1167" s="3" t="s">
        <v>156</v>
      </c>
    </row>
    <row r="1168" spans="1:3" ht="27" x14ac:dyDescent="0.15">
      <c r="A1168" s="3">
        <v>2011410982</v>
      </c>
      <c r="B1168" s="4" t="s">
        <v>2280</v>
      </c>
      <c r="C1168" s="3" t="s">
        <v>156</v>
      </c>
    </row>
    <row r="1169" spans="1:3" ht="27" x14ac:dyDescent="0.15">
      <c r="A1169" s="3">
        <v>2011410983</v>
      </c>
      <c r="B1169" s="4" t="s">
        <v>2281</v>
      </c>
      <c r="C1169" s="3" t="s">
        <v>2282</v>
      </c>
    </row>
    <row r="1170" spans="1:3" ht="27" x14ac:dyDescent="0.15">
      <c r="A1170" s="3">
        <v>2011410984</v>
      </c>
      <c r="B1170" s="4" t="s">
        <v>2283</v>
      </c>
      <c r="C1170" s="3" t="s">
        <v>2282</v>
      </c>
    </row>
    <row r="1171" spans="1:3" ht="27" x14ac:dyDescent="0.15">
      <c r="A1171" s="3">
        <v>2011410985</v>
      </c>
      <c r="B1171" s="4" t="s">
        <v>2283</v>
      </c>
      <c r="C1171" s="3" t="s">
        <v>2282</v>
      </c>
    </row>
    <row r="1172" spans="1:3" ht="27" x14ac:dyDescent="0.15">
      <c r="A1172" s="3">
        <v>2011410986</v>
      </c>
      <c r="B1172" s="4" t="s">
        <v>2284</v>
      </c>
      <c r="C1172" s="3" t="s">
        <v>2282</v>
      </c>
    </row>
    <row r="1173" spans="1:3" ht="27" x14ac:dyDescent="0.15">
      <c r="A1173" s="3">
        <v>2011410987</v>
      </c>
      <c r="B1173" s="4" t="s">
        <v>2285</v>
      </c>
      <c r="C1173" s="3" t="s">
        <v>2282</v>
      </c>
    </row>
    <row r="1174" spans="1:3" ht="27" x14ac:dyDescent="0.15">
      <c r="A1174" s="3">
        <v>2011410988</v>
      </c>
      <c r="B1174" s="4" t="s">
        <v>2286</v>
      </c>
      <c r="C1174" s="3" t="s">
        <v>2282</v>
      </c>
    </row>
    <row r="1175" spans="1:3" ht="27" x14ac:dyDescent="0.15">
      <c r="A1175" s="3">
        <v>2011411047</v>
      </c>
      <c r="B1175" s="4" t="s">
        <v>2347</v>
      </c>
      <c r="C1175" s="3" t="s">
        <v>2348</v>
      </c>
    </row>
    <row r="1176" spans="1:3" ht="40.5" x14ac:dyDescent="0.15">
      <c r="A1176" s="3">
        <v>2011411048</v>
      </c>
      <c r="B1176" s="4" t="s">
        <v>2349</v>
      </c>
      <c r="C1176" s="3" t="s">
        <v>2348</v>
      </c>
    </row>
    <row r="1177" spans="1:3" ht="27" x14ac:dyDescent="0.15">
      <c r="A1177" s="3">
        <v>2011411054</v>
      </c>
      <c r="B1177" s="4" t="s">
        <v>2353</v>
      </c>
      <c r="C1177" s="3" t="s">
        <v>2354</v>
      </c>
    </row>
    <row r="1178" spans="1:3" ht="27" x14ac:dyDescent="0.15">
      <c r="A1178" s="3">
        <v>2011411055</v>
      </c>
      <c r="B1178" s="4" t="s">
        <v>2355</v>
      </c>
      <c r="C1178" s="3" t="s">
        <v>2354</v>
      </c>
    </row>
    <row r="1179" spans="1:3" ht="27" x14ac:dyDescent="0.15">
      <c r="A1179" s="3">
        <v>2011411056</v>
      </c>
      <c r="B1179" s="4" t="s">
        <v>2356</v>
      </c>
      <c r="C1179" s="3" t="s">
        <v>2354</v>
      </c>
    </row>
    <row r="1180" spans="1:3" x14ac:dyDescent="0.15">
      <c r="A1180" s="3">
        <v>2011411197</v>
      </c>
      <c r="B1180" s="4" t="s">
        <v>2534</v>
      </c>
      <c r="C1180" s="3" t="s">
        <v>2354</v>
      </c>
    </row>
    <row r="1181" spans="1:3" x14ac:dyDescent="0.15">
      <c r="A1181" s="3">
        <v>2011411198</v>
      </c>
      <c r="B1181" s="4" t="s">
        <v>2535</v>
      </c>
      <c r="C1181" s="3" t="s">
        <v>2354</v>
      </c>
    </row>
    <row r="1182" spans="1:3" ht="27" x14ac:dyDescent="0.15">
      <c r="A1182" s="3">
        <v>2011411199</v>
      </c>
      <c r="B1182" s="4" t="s">
        <v>2536</v>
      </c>
      <c r="C1182" s="3" t="s">
        <v>2354</v>
      </c>
    </row>
    <row r="1183" spans="1:3" x14ac:dyDescent="0.15">
      <c r="A1183" s="3">
        <v>2011411062</v>
      </c>
      <c r="B1183" s="4" t="s">
        <v>2364</v>
      </c>
      <c r="C1183" s="3" t="s">
        <v>2365</v>
      </c>
    </row>
    <row r="1184" spans="1:3" ht="27" x14ac:dyDescent="0.15">
      <c r="A1184" s="3">
        <v>2008400151</v>
      </c>
      <c r="B1184" s="4" t="s">
        <v>185</v>
      </c>
      <c r="C1184" s="3" t="s">
        <v>186</v>
      </c>
    </row>
    <row r="1185" spans="1:3" ht="27" x14ac:dyDescent="0.15">
      <c r="A1185" s="3">
        <v>2011411064</v>
      </c>
      <c r="B1185" s="4" t="s">
        <v>2368</v>
      </c>
      <c r="C1185" s="3" t="s">
        <v>186</v>
      </c>
    </row>
    <row r="1186" spans="1:3" x14ac:dyDescent="0.15">
      <c r="A1186" s="3">
        <v>2011411065</v>
      </c>
      <c r="B1186" s="4" t="s">
        <v>2369</v>
      </c>
      <c r="C1186" s="3" t="s">
        <v>186</v>
      </c>
    </row>
    <row r="1187" spans="1:3" ht="27" x14ac:dyDescent="0.15">
      <c r="A1187" s="3">
        <v>2011411066</v>
      </c>
      <c r="B1187" s="4" t="s">
        <v>2370</v>
      </c>
      <c r="C1187" s="3" t="s">
        <v>186</v>
      </c>
    </row>
    <row r="1188" spans="1:3" ht="27" x14ac:dyDescent="0.15">
      <c r="A1188" s="3">
        <v>2011411067</v>
      </c>
      <c r="B1188" s="4" t="s">
        <v>2371</v>
      </c>
      <c r="C1188" s="3" t="s">
        <v>186</v>
      </c>
    </row>
    <row r="1189" spans="1:3" ht="27" x14ac:dyDescent="0.15">
      <c r="A1189" s="3">
        <v>2011411060</v>
      </c>
      <c r="B1189" s="4" t="s">
        <v>2361</v>
      </c>
      <c r="C1189" s="3" t="s">
        <v>2362</v>
      </c>
    </row>
    <row r="1190" spans="1:3" x14ac:dyDescent="0.15">
      <c r="A1190" s="3">
        <v>2011411323</v>
      </c>
      <c r="B1190" s="4" t="s">
        <v>2693</v>
      </c>
      <c r="C1190" s="3" t="s">
        <v>2694</v>
      </c>
    </row>
    <row r="1191" spans="1:3" ht="27" x14ac:dyDescent="0.15">
      <c r="A1191" s="3">
        <v>2008400152</v>
      </c>
      <c r="B1191" s="4" t="s">
        <v>187</v>
      </c>
      <c r="C1191" s="3" t="s">
        <v>188</v>
      </c>
    </row>
    <row r="1192" spans="1:3" ht="27" x14ac:dyDescent="0.15">
      <c r="A1192" s="3">
        <v>2008400153</v>
      </c>
      <c r="B1192" s="4" t="s">
        <v>189</v>
      </c>
      <c r="C1192" s="3" t="s">
        <v>188</v>
      </c>
    </row>
    <row r="1193" spans="1:3" ht="27" x14ac:dyDescent="0.15">
      <c r="A1193" s="3">
        <v>2008400154</v>
      </c>
      <c r="B1193" s="4" t="s">
        <v>189</v>
      </c>
      <c r="C1193" s="3" t="s">
        <v>188</v>
      </c>
    </row>
    <row r="1194" spans="1:3" ht="27" x14ac:dyDescent="0.15">
      <c r="A1194" s="3">
        <v>2011411209</v>
      </c>
      <c r="B1194" s="4" t="s">
        <v>2549</v>
      </c>
      <c r="C1194" s="3" t="s">
        <v>188</v>
      </c>
    </row>
    <row r="1195" spans="1:3" ht="27" x14ac:dyDescent="0.15">
      <c r="A1195" s="3">
        <v>2011411210</v>
      </c>
      <c r="B1195" s="4" t="s">
        <v>2550</v>
      </c>
      <c r="C1195" s="3" t="s">
        <v>188</v>
      </c>
    </row>
    <row r="1196" spans="1:3" ht="27" x14ac:dyDescent="0.15">
      <c r="A1196" s="3">
        <v>2011411211</v>
      </c>
      <c r="B1196" s="4" t="s">
        <v>2551</v>
      </c>
      <c r="C1196" s="3" t="s">
        <v>188</v>
      </c>
    </row>
    <row r="1197" spans="1:3" ht="27" x14ac:dyDescent="0.15">
      <c r="A1197" s="3">
        <v>2011411212</v>
      </c>
      <c r="B1197" s="4" t="s">
        <v>2551</v>
      </c>
      <c r="C1197" s="3" t="s">
        <v>188</v>
      </c>
    </row>
    <row r="1198" spans="1:3" ht="27" x14ac:dyDescent="0.15">
      <c r="A1198" s="3">
        <v>2011411213</v>
      </c>
      <c r="B1198" s="4" t="s">
        <v>2552</v>
      </c>
      <c r="C1198" s="3" t="s">
        <v>188</v>
      </c>
    </row>
    <row r="1199" spans="1:3" ht="27" x14ac:dyDescent="0.15">
      <c r="A1199" s="3">
        <v>2011411214</v>
      </c>
      <c r="B1199" s="4" t="s">
        <v>2553</v>
      </c>
      <c r="C1199" s="3" t="s">
        <v>188</v>
      </c>
    </row>
    <row r="1200" spans="1:3" ht="27" x14ac:dyDescent="0.15">
      <c r="A1200" s="3">
        <v>2011411215</v>
      </c>
      <c r="B1200" s="4" t="s">
        <v>2554</v>
      </c>
      <c r="C1200" s="3" t="s">
        <v>188</v>
      </c>
    </row>
    <row r="1201" spans="1:3" ht="27" x14ac:dyDescent="0.15">
      <c r="A1201" s="3">
        <v>2011411216</v>
      </c>
      <c r="B1201" s="4" t="s">
        <v>2555</v>
      </c>
      <c r="C1201" s="3" t="s">
        <v>188</v>
      </c>
    </row>
    <row r="1202" spans="1:3" ht="27" x14ac:dyDescent="0.15">
      <c r="A1202" s="3">
        <v>2011411217</v>
      </c>
      <c r="B1202" s="4" t="s">
        <v>2556</v>
      </c>
      <c r="C1202" s="3" t="s">
        <v>188</v>
      </c>
    </row>
    <row r="1203" spans="1:3" ht="27" x14ac:dyDescent="0.15">
      <c r="A1203" s="3">
        <v>2008400156</v>
      </c>
      <c r="B1203" s="4" t="s">
        <v>192</v>
      </c>
      <c r="C1203" s="3" t="s">
        <v>193</v>
      </c>
    </row>
    <row r="1204" spans="1:3" ht="27" x14ac:dyDescent="0.15">
      <c r="A1204" s="3">
        <v>2008400157</v>
      </c>
      <c r="B1204" s="4" t="s">
        <v>194</v>
      </c>
      <c r="C1204" s="3" t="s">
        <v>193</v>
      </c>
    </row>
    <row r="1205" spans="1:3" ht="27" x14ac:dyDescent="0.15">
      <c r="A1205" s="3">
        <v>2008400158</v>
      </c>
      <c r="B1205" s="4" t="s">
        <v>195</v>
      </c>
      <c r="C1205" s="3" t="s">
        <v>193</v>
      </c>
    </row>
    <row r="1206" spans="1:3" x14ac:dyDescent="0.15">
      <c r="A1206" s="3">
        <v>2011411221</v>
      </c>
      <c r="B1206" s="4" t="s">
        <v>2563</v>
      </c>
      <c r="C1206" s="3" t="s">
        <v>193</v>
      </c>
    </row>
    <row r="1207" spans="1:3" x14ac:dyDescent="0.15">
      <c r="A1207" s="3">
        <v>2011411222</v>
      </c>
      <c r="B1207" s="4" t="s">
        <v>2564</v>
      </c>
      <c r="C1207" s="3" t="s">
        <v>193</v>
      </c>
    </row>
    <row r="1208" spans="1:3" ht="27" x14ac:dyDescent="0.15">
      <c r="A1208" s="3">
        <v>2011411231</v>
      </c>
      <c r="B1208" s="4" t="s">
        <v>2578</v>
      </c>
      <c r="C1208" s="3" t="s">
        <v>2579</v>
      </c>
    </row>
    <row r="1209" spans="1:3" ht="27" x14ac:dyDescent="0.15">
      <c r="A1209" s="3">
        <v>2011411232</v>
      </c>
      <c r="B1209" s="4" t="s">
        <v>2580</v>
      </c>
      <c r="C1209" s="3" t="s">
        <v>2579</v>
      </c>
    </row>
    <row r="1210" spans="1:3" ht="27" x14ac:dyDescent="0.15">
      <c r="A1210" s="3">
        <v>2011411233</v>
      </c>
      <c r="B1210" s="4" t="s">
        <v>2581</v>
      </c>
      <c r="C1210" s="3" t="s">
        <v>2579</v>
      </c>
    </row>
    <row r="1211" spans="1:3" ht="27" x14ac:dyDescent="0.15">
      <c r="A1211" s="3">
        <v>2011411234</v>
      </c>
      <c r="B1211" s="4" t="s">
        <v>2582</v>
      </c>
      <c r="C1211" s="3" t="s">
        <v>2579</v>
      </c>
    </row>
    <row r="1212" spans="1:3" ht="27" x14ac:dyDescent="0.15">
      <c r="A1212" s="3">
        <v>2011411237</v>
      </c>
      <c r="B1212" s="4" t="s">
        <v>2587</v>
      </c>
      <c r="C1212" s="3" t="s">
        <v>2579</v>
      </c>
    </row>
    <row r="1213" spans="1:3" ht="27" x14ac:dyDescent="0.15">
      <c r="A1213" s="3">
        <v>2011411238</v>
      </c>
      <c r="B1213" s="4" t="s">
        <v>2588</v>
      </c>
      <c r="C1213" s="3" t="s">
        <v>2579</v>
      </c>
    </row>
    <row r="1214" spans="1:3" x14ac:dyDescent="0.15">
      <c r="A1214" s="3">
        <v>2011411239</v>
      </c>
      <c r="B1214" s="4" t="s">
        <v>2589</v>
      </c>
      <c r="C1214" s="3" t="s">
        <v>2579</v>
      </c>
    </row>
    <row r="1215" spans="1:3" ht="27" x14ac:dyDescent="0.15">
      <c r="A1215" s="3">
        <v>2011411241</v>
      </c>
      <c r="B1215" s="4" t="s">
        <v>2592</v>
      </c>
      <c r="C1215" s="3" t="s">
        <v>2579</v>
      </c>
    </row>
    <row r="1216" spans="1:3" ht="27" x14ac:dyDescent="0.15">
      <c r="A1216" s="3">
        <v>2011411326</v>
      </c>
      <c r="B1216" s="4" t="s">
        <v>2698</v>
      </c>
      <c r="C1216" s="3" t="s">
        <v>2579</v>
      </c>
    </row>
    <row r="1217" spans="1:3" ht="27" x14ac:dyDescent="0.15">
      <c r="A1217" s="3">
        <v>2011414185</v>
      </c>
      <c r="B1217" s="4" t="s">
        <v>6248</v>
      </c>
      <c r="C1217" s="3" t="s">
        <v>6249</v>
      </c>
    </row>
    <row r="1218" spans="1:3" ht="27" x14ac:dyDescent="0.15">
      <c r="A1218" s="3">
        <v>2008400159</v>
      </c>
      <c r="B1218" s="4" t="s">
        <v>196</v>
      </c>
      <c r="C1218" s="3" t="s">
        <v>197</v>
      </c>
    </row>
    <row r="1219" spans="1:3" x14ac:dyDescent="0.15">
      <c r="A1219" s="3">
        <v>2011410696</v>
      </c>
      <c r="B1219" s="4" t="s">
        <v>1970</v>
      </c>
      <c r="C1219" s="3" t="s">
        <v>197</v>
      </c>
    </row>
    <row r="1220" spans="1:3" x14ac:dyDescent="0.15">
      <c r="A1220" s="3">
        <v>2011411242</v>
      </c>
      <c r="B1220" s="4" t="s">
        <v>2593</v>
      </c>
      <c r="C1220" s="3" t="s">
        <v>197</v>
      </c>
    </row>
    <row r="1221" spans="1:3" ht="40.5" x14ac:dyDescent="0.15">
      <c r="A1221" s="3">
        <v>2011413851</v>
      </c>
      <c r="B1221" s="4" t="s">
        <v>5783</v>
      </c>
      <c r="C1221" s="3" t="s">
        <v>197</v>
      </c>
    </row>
    <row r="1222" spans="1:3" ht="54" x14ac:dyDescent="0.15">
      <c r="A1222" s="3">
        <v>2011413852</v>
      </c>
      <c r="B1222" s="4" t="s">
        <v>5784</v>
      </c>
      <c r="C1222" s="3" t="s">
        <v>197</v>
      </c>
    </row>
    <row r="1223" spans="1:3" ht="40.5" x14ac:dyDescent="0.15">
      <c r="A1223" s="3">
        <v>2011413853</v>
      </c>
      <c r="B1223" s="4" t="s">
        <v>5785</v>
      </c>
      <c r="C1223" s="3" t="s">
        <v>197</v>
      </c>
    </row>
    <row r="1224" spans="1:3" ht="27" x14ac:dyDescent="0.15">
      <c r="A1224" s="3">
        <v>2011413854</v>
      </c>
      <c r="B1224" s="4" t="s">
        <v>5786</v>
      </c>
      <c r="C1224" s="3" t="s">
        <v>197</v>
      </c>
    </row>
    <row r="1225" spans="1:3" x14ac:dyDescent="0.15">
      <c r="A1225" s="3">
        <v>2011411244</v>
      </c>
      <c r="B1225" s="4" t="s">
        <v>2596</v>
      </c>
      <c r="C1225" s="3" t="s">
        <v>2597</v>
      </c>
    </row>
    <row r="1226" spans="1:3" ht="27" x14ac:dyDescent="0.15">
      <c r="A1226" s="3">
        <v>2008400160</v>
      </c>
      <c r="B1226" s="4" t="s">
        <v>198</v>
      </c>
      <c r="C1226" s="3" t="s">
        <v>199</v>
      </c>
    </row>
    <row r="1227" spans="1:3" x14ac:dyDescent="0.15">
      <c r="A1227" s="3">
        <v>2011411246</v>
      </c>
      <c r="B1227" s="4" t="s">
        <v>2600</v>
      </c>
      <c r="C1227" s="3" t="s">
        <v>2601</v>
      </c>
    </row>
    <row r="1228" spans="1:3" x14ac:dyDescent="0.15">
      <c r="A1228" s="3">
        <v>2011411247</v>
      </c>
      <c r="B1228" s="4" t="s">
        <v>2602</v>
      </c>
      <c r="C1228" s="3" t="s">
        <v>2601</v>
      </c>
    </row>
    <row r="1229" spans="1:3" x14ac:dyDescent="0.15">
      <c r="A1229" s="3">
        <v>2011411248</v>
      </c>
      <c r="B1229" s="4" t="s">
        <v>2603</v>
      </c>
      <c r="C1229" s="3" t="s">
        <v>2601</v>
      </c>
    </row>
    <row r="1230" spans="1:3" ht="27" x14ac:dyDescent="0.15">
      <c r="A1230" s="3">
        <v>2011411249</v>
      </c>
      <c r="B1230" s="4" t="s">
        <v>2604</v>
      </c>
      <c r="C1230" s="3" t="s">
        <v>2601</v>
      </c>
    </row>
    <row r="1231" spans="1:3" ht="27" x14ac:dyDescent="0.15">
      <c r="A1231" s="3">
        <v>2011411251</v>
      </c>
      <c r="B1231" s="4" t="s">
        <v>2607</v>
      </c>
      <c r="C1231" s="3" t="s">
        <v>2601</v>
      </c>
    </row>
    <row r="1232" spans="1:3" ht="27" x14ac:dyDescent="0.15">
      <c r="A1232" s="3">
        <v>2011411252</v>
      </c>
      <c r="B1232" s="4" t="s">
        <v>2607</v>
      </c>
      <c r="C1232" s="3" t="s">
        <v>2601</v>
      </c>
    </row>
    <row r="1233" spans="1:3" ht="27" x14ac:dyDescent="0.15">
      <c r="A1233" s="3">
        <v>2011411253</v>
      </c>
      <c r="B1233" s="4" t="s">
        <v>2608</v>
      </c>
      <c r="C1233" s="3" t="s">
        <v>2601</v>
      </c>
    </row>
    <row r="1234" spans="1:3" ht="27" x14ac:dyDescent="0.15">
      <c r="A1234" s="3">
        <v>2011411254</v>
      </c>
      <c r="B1234" s="4" t="s">
        <v>2609</v>
      </c>
      <c r="C1234" s="3" t="s">
        <v>2601</v>
      </c>
    </row>
    <row r="1235" spans="1:3" ht="27" x14ac:dyDescent="0.15">
      <c r="A1235" s="3">
        <v>2011411255</v>
      </c>
      <c r="B1235" s="4" t="s">
        <v>2610</v>
      </c>
      <c r="C1235" s="3" t="s">
        <v>2601</v>
      </c>
    </row>
    <row r="1236" spans="1:3" ht="27" x14ac:dyDescent="0.15">
      <c r="A1236" s="3">
        <v>2011411256</v>
      </c>
      <c r="B1236" s="4" t="s">
        <v>2610</v>
      </c>
      <c r="C1236" s="3" t="s">
        <v>2601</v>
      </c>
    </row>
    <row r="1237" spans="1:3" ht="27" x14ac:dyDescent="0.15">
      <c r="A1237" s="3">
        <v>2011411257</v>
      </c>
      <c r="B1237" s="4" t="s">
        <v>2611</v>
      </c>
      <c r="C1237" s="3" t="s">
        <v>2601</v>
      </c>
    </row>
    <row r="1238" spans="1:3" ht="27" x14ac:dyDescent="0.15">
      <c r="A1238" s="3">
        <v>2011411258</v>
      </c>
      <c r="B1238" s="4" t="s">
        <v>2612</v>
      </c>
      <c r="C1238" s="3" t="s">
        <v>2601</v>
      </c>
    </row>
    <row r="1239" spans="1:3" ht="27" x14ac:dyDescent="0.15">
      <c r="A1239" s="3">
        <v>2011411259</v>
      </c>
      <c r="B1239" s="4" t="s">
        <v>2613</v>
      </c>
      <c r="C1239" s="3" t="s">
        <v>2601</v>
      </c>
    </row>
    <row r="1240" spans="1:3" x14ac:dyDescent="0.15">
      <c r="A1240" s="3">
        <v>2011411250</v>
      </c>
      <c r="B1240" s="4" t="s">
        <v>2605</v>
      </c>
      <c r="C1240" s="3" t="s">
        <v>2606</v>
      </c>
    </row>
    <row r="1241" spans="1:3" ht="27" x14ac:dyDescent="0.15">
      <c r="A1241" s="3">
        <v>2011411268</v>
      </c>
      <c r="B1241" s="4" t="s">
        <v>2624</v>
      </c>
      <c r="C1241" s="3" t="s">
        <v>2625</v>
      </c>
    </row>
    <row r="1242" spans="1:3" ht="27" x14ac:dyDescent="0.15">
      <c r="A1242" s="3">
        <v>2011411269</v>
      </c>
      <c r="B1242" s="4" t="s">
        <v>2626</v>
      </c>
      <c r="C1242" s="3" t="s">
        <v>2625</v>
      </c>
    </row>
    <row r="1243" spans="1:3" ht="27" x14ac:dyDescent="0.15">
      <c r="A1243" s="3">
        <v>2011411345</v>
      </c>
      <c r="B1243" s="4" t="s">
        <v>2725</v>
      </c>
      <c r="C1243" s="3" t="s">
        <v>2625</v>
      </c>
    </row>
    <row r="1244" spans="1:3" x14ac:dyDescent="0.15">
      <c r="A1244" s="3">
        <v>2011411346</v>
      </c>
      <c r="B1244" s="4" t="s">
        <v>2726</v>
      </c>
      <c r="C1244" s="3" t="s">
        <v>2727</v>
      </c>
    </row>
    <row r="1245" spans="1:3" x14ac:dyDescent="0.15">
      <c r="A1245" s="3">
        <v>2011411267</v>
      </c>
      <c r="B1245" s="4" t="s">
        <v>2622</v>
      </c>
      <c r="C1245" s="3" t="s">
        <v>2623</v>
      </c>
    </row>
    <row r="1246" spans="1:3" x14ac:dyDescent="0.15">
      <c r="A1246" s="3">
        <v>2011411270</v>
      </c>
      <c r="B1246" s="4" t="s">
        <v>2627</v>
      </c>
      <c r="C1246" s="3" t="s">
        <v>2623</v>
      </c>
    </row>
    <row r="1247" spans="1:3" ht="27" x14ac:dyDescent="0.15">
      <c r="A1247" s="3">
        <v>2011411271</v>
      </c>
      <c r="B1247" s="4" t="s">
        <v>2628</v>
      </c>
      <c r="C1247" s="3" t="s">
        <v>2623</v>
      </c>
    </row>
    <row r="1248" spans="1:3" ht="27" x14ac:dyDescent="0.15">
      <c r="A1248" s="3">
        <v>2011411272</v>
      </c>
      <c r="B1248" s="4" t="s">
        <v>2629</v>
      </c>
      <c r="C1248" s="3" t="s">
        <v>2623</v>
      </c>
    </row>
    <row r="1249" spans="1:3" x14ac:dyDescent="0.15">
      <c r="A1249" s="3">
        <v>2011411347</v>
      </c>
      <c r="B1249" s="4" t="s">
        <v>2728</v>
      </c>
      <c r="C1249" s="3" t="s">
        <v>2729</v>
      </c>
    </row>
    <row r="1250" spans="1:3" ht="27" x14ac:dyDescent="0.15">
      <c r="A1250" s="3">
        <v>2011411273</v>
      </c>
      <c r="B1250" s="4" t="s">
        <v>2630</v>
      </c>
      <c r="C1250" s="3" t="s">
        <v>2631</v>
      </c>
    </row>
    <row r="1251" spans="1:3" ht="27" x14ac:dyDescent="0.15">
      <c r="A1251" s="3">
        <v>2011411275</v>
      </c>
      <c r="B1251" s="4" t="s">
        <v>2634</v>
      </c>
      <c r="C1251" s="3" t="s">
        <v>2631</v>
      </c>
    </row>
    <row r="1252" spans="1:3" ht="27" x14ac:dyDescent="0.15">
      <c r="A1252" s="3">
        <v>2011411282</v>
      </c>
      <c r="B1252" s="4" t="s">
        <v>2644</v>
      </c>
      <c r="C1252" s="3" t="s">
        <v>2631</v>
      </c>
    </row>
    <row r="1253" spans="1:3" x14ac:dyDescent="0.15">
      <c r="A1253" s="3">
        <v>2011411348</v>
      </c>
      <c r="B1253" s="4" t="s">
        <v>2730</v>
      </c>
      <c r="C1253" s="3" t="s">
        <v>2631</v>
      </c>
    </row>
    <row r="1254" spans="1:3" ht="27" x14ac:dyDescent="0.15">
      <c r="A1254" s="3">
        <v>2011411278</v>
      </c>
      <c r="B1254" s="4" t="s">
        <v>2638</v>
      </c>
      <c r="C1254" s="3" t="s">
        <v>2639</v>
      </c>
    </row>
    <row r="1255" spans="1:3" ht="27" x14ac:dyDescent="0.15">
      <c r="A1255" s="3">
        <v>2011411279</v>
      </c>
      <c r="B1255" s="4" t="s">
        <v>2640</v>
      </c>
      <c r="C1255" s="3" t="s">
        <v>2639</v>
      </c>
    </row>
    <row r="1256" spans="1:3" ht="27" x14ac:dyDescent="0.15">
      <c r="A1256" s="3">
        <v>2011411280</v>
      </c>
      <c r="B1256" s="4" t="s">
        <v>2641</v>
      </c>
      <c r="C1256" s="3" t="s">
        <v>2639</v>
      </c>
    </row>
    <row r="1257" spans="1:3" ht="27" x14ac:dyDescent="0.15">
      <c r="A1257" s="3">
        <v>2011411283</v>
      </c>
      <c r="B1257" s="4" t="s">
        <v>2645</v>
      </c>
      <c r="C1257" s="3" t="s">
        <v>2646</v>
      </c>
    </row>
    <row r="1258" spans="1:3" ht="27" x14ac:dyDescent="0.15">
      <c r="A1258" s="3">
        <v>2011411305</v>
      </c>
      <c r="B1258" s="4" t="s">
        <v>2667</v>
      </c>
      <c r="C1258" s="3" t="s">
        <v>2646</v>
      </c>
    </row>
    <row r="1259" spans="1:3" x14ac:dyDescent="0.15">
      <c r="A1259" s="3">
        <v>2011410329</v>
      </c>
      <c r="B1259" s="4" t="s">
        <v>1506</v>
      </c>
      <c r="C1259" s="3" t="s">
        <v>1507</v>
      </c>
    </row>
    <row r="1260" spans="1:3" ht="27" x14ac:dyDescent="0.15">
      <c r="A1260" s="3">
        <v>2011411306</v>
      </c>
      <c r="B1260" s="4" t="s">
        <v>2668</v>
      </c>
      <c r="C1260" s="3" t="s">
        <v>1507</v>
      </c>
    </row>
    <row r="1261" spans="1:3" x14ac:dyDescent="0.15">
      <c r="A1261" s="3">
        <v>2011411307</v>
      </c>
      <c r="B1261" s="4" t="s">
        <v>2669</v>
      </c>
      <c r="C1261" s="3" t="s">
        <v>2670</v>
      </c>
    </row>
    <row r="1262" spans="1:3" x14ac:dyDescent="0.15">
      <c r="A1262" s="3">
        <v>2011411308</v>
      </c>
      <c r="B1262" s="4" t="s">
        <v>2671</v>
      </c>
      <c r="C1262" s="3" t="s">
        <v>2672</v>
      </c>
    </row>
    <row r="1263" spans="1:3" ht="27" x14ac:dyDescent="0.15">
      <c r="A1263" s="3">
        <v>2011411310</v>
      </c>
      <c r="B1263" s="4" t="s">
        <v>2675</v>
      </c>
      <c r="C1263" s="3" t="s">
        <v>2676</v>
      </c>
    </row>
    <row r="1264" spans="1:3" x14ac:dyDescent="0.15">
      <c r="A1264" s="3">
        <v>2011411352</v>
      </c>
      <c r="B1264" s="4" t="s">
        <v>2735</v>
      </c>
      <c r="C1264" s="3" t="s">
        <v>2736</v>
      </c>
    </row>
    <row r="1265" spans="1:3" ht="27" x14ac:dyDescent="0.15">
      <c r="A1265" s="3">
        <v>2008400189</v>
      </c>
      <c r="B1265" s="4" t="s">
        <v>228</v>
      </c>
      <c r="C1265" s="3" t="s">
        <v>229</v>
      </c>
    </row>
    <row r="1266" spans="1:3" x14ac:dyDescent="0.15">
      <c r="A1266" s="3">
        <v>2008400268</v>
      </c>
      <c r="B1266" s="4" t="s">
        <v>321</v>
      </c>
      <c r="C1266" s="3" t="s">
        <v>229</v>
      </c>
    </row>
    <row r="1267" spans="1:3" x14ac:dyDescent="0.15">
      <c r="A1267" s="3">
        <v>2011411408</v>
      </c>
      <c r="B1267" s="4" t="s">
        <v>2803</v>
      </c>
      <c r="C1267" s="3" t="s">
        <v>229</v>
      </c>
    </row>
    <row r="1268" spans="1:3" ht="27" x14ac:dyDescent="0.15">
      <c r="A1268" s="3">
        <v>2011411409</v>
      </c>
      <c r="B1268" s="4" t="s">
        <v>2804</v>
      </c>
      <c r="C1268" s="3" t="s">
        <v>229</v>
      </c>
    </row>
    <row r="1269" spans="1:3" ht="27" x14ac:dyDescent="0.15">
      <c r="A1269" s="3">
        <v>2011411410</v>
      </c>
      <c r="B1269" s="4" t="s">
        <v>2805</v>
      </c>
      <c r="C1269" s="3" t="s">
        <v>229</v>
      </c>
    </row>
    <row r="1270" spans="1:3" ht="27" x14ac:dyDescent="0.15">
      <c r="A1270" s="3">
        <v>2011411411</v>
      </c>
      <c r="B1270" s="4" t="s">
        <v>2806</v>
      </c>
      <c r="C1270" s="3" t="s">
        <v>229</v>
      </c>
    </row>
    <row r="1271" spans="1:3" ht="27" x14ac:dyDescent="0.15">
      <c r="A1271" s="3">
        <v>2011411412</v>
      </c>
      <c r="B1271" s="4" t="s">
        <v>2807</v>
      </c>
      <c r="C1271" s="3" t="s">
        <v>229</v>
      </c>
    </row>
    <row r="1272" spans="1:3" ht="27" x14ac:dyDescent="0.15">
      <c r="A1272" s="3">
        <v>2011411413</v>
      </c>
      <c r="B1272" s="4" t="s">
        <v>2808</v>
      </c>
      <c r="C1272" s="3" t="s">
        <v>229</v>
      </c>
    </row>
    <row r="1273" spans="1:3" x14ac:dyDescent="0.15">
      <c r="A1273" s="3">
        <v>2011411414</v>
      </c>
      <c r="B1273" s="4" t="s">
        <v>2809</v>
      </c>
      <c r="C1273" s="3" t="s">
        <v>229</v>
      </c>
    </row>
    <row r="1274" spans="1:3" x14ac:dyDescent="0.15">
      <c r="A1274" s="3">
        <v>2011411415</v>
      </c>
      <c r="B1274" s="4" t="s">
        <v>2810</v>
      </c>
      <c r="C1274" s="3" t="s">
        <v>229</v>
      </c>
    </row>
    <row r="1275" spans="1:3" ht="27" x14ac:dyDescent="0.15">
      <c r="A1275" s="3">
        <v>2011411416</v>
      </c>
      <c r="B1275" s="4" t="s">
        <v>2811</v>
      </c>
      <c r="C1275" s="3" t="s">
        <v>229</v>
      </c>
    </row>
    <row r="1276" spans="1:3" ht="27" x14ac:dyDescent="0.15">
      <c r="A1276" s="3">
        <v>2011411461</v>
      </c>
      <c r="B1276" s="4" t="s">
        <v>2870</v>
      </c>
      <c r="C1276" s="3" t="s">
        <v>229</v>
      </c>
    </row>
    <row r="1277" spans="1:3" ht="27" x14ac:dyDescent="0.15">
      <c r="A1277" s="3">
        <v>2011411417</v>
      </c>
      <c r="B1277" s="4" t="s">
        <v>2812</v>
      </c>
      <c r="C1277" s="3" t="s">
        <v>2813</v>
      </c>
    </row>
    <row r="1278" spans="1:3" ht="27" x14ac:dyDescent="0.15">
      <c r="A1278" s="3">
        <v>2011411427</v>
      </c>
      <c r="B1278" s="4" t="s">
        <v>2823</v>
      </c>
      <c r="C1278" s="3" t="s">
        <v>2824</v>
      </c>
    </row>
    <row r="1279" spans="1:3" x14ac:dyDescent="0.15">
      <c r="A1279" s="3">
        <v>2011411428</v>
      </c>
      <c r="B1279" s="4" t="s">
        <v>2825</v>
      </c>
      <c r="C1279" s="3" t="s">
        <v>2826</v>
      </c>
    </row>
    <row r="1280" spans="1:3" x14ac:dyDescent="0.15">
      <c r="A1280" s="3">
        <v>2011411429</v>
      </c>
      <c r="B1280" s="4" t="s">
        <v>2827</v>
      </c>
      <c r="C1280" s="3" t="s">
        <v>2828</v>
      </c>
    </row>
    <row r="1281" spans="1:3" ht="27" x14ac:dyDescent="0.15">
      <c r="A1281" s="3">
        <v>2011411430</v>
      </c>
      <c r="B1281" s="4" t="s">
        <v>2829</v>
      </c>
      <c r="C1281" s="3" t="s">
        <v>2828</v>
      </c>
    </row>
    <row r="1282" spans="1:3" ht="27" x14ac:dyDescent="0.15">
      <c r="A1282" s="3">
        <v>2011410033</v>
      </c>
      <c r="B1282" s="4" t="s">
        <v>1111</v>
      </c>
      <c r="C1282" s="3" t="s">
        <v>1112</v>
      </c>
    </row>
    <row r="1283" spans="1:3" ht="27" x14ac:dyDescent="0.15">
      <c r="A1283" s="3">
        <v>2011410034</v>
      </c>
      <c r="B1283" s="4" t="s">
        <v>1113</v>
      </c>
      <c r="C1283" s="3" t="s">
        <v>1112</v>
      </c>
    </row>
    <row r="1284" spans="1:3" ht="27" x14ac:dyDescent="0.15">
      <c r="A1284" s="3">
        <v>2011411431</v>
      </c>
      <c r="B1284" s="4" t="s">
        <v>2830</v>
      </c>
      <c r="C1284" s="3" t="s">
        <v>1112</v>
      </c>
    </row>
    <row r="1285" spans="1:3" ht="27" x14ac:dyDescent="0.15">
      <c r="A1285" s="3">
        <v>2011411432</v>
      </c>
      <c r="B1285" s="4" t="s">
        <v>2831</v>
      </c>
      <c r="C1285" s="3" t="s">
        <v>1112</v>
      </c>
    </row>
    <row r="1286" spans="1:3" ht="27" x14ac:dyDescent="0.15">
      <c r="A1286" s="3">
        <v>2011411433</v>
      </c>
      <c r="B1286" s="4" t="s">
        <v>2832</v>
      </c>
      <c r="C1286" s="3" t="s">
        <v>1112</v>
      </c>
    </row>
    <row r="1287" spans="1:3" x14ac:dyDescent="0.15">
      <c r="A1287" s="3">
        <v>2011411434</v>
      </c>
      <c r="B1287" s="4" t="s">
        <v>2833</v>
      </c>
      <c r="C1287" s="3" t="s">
        <v>1112</v>
      </c>
    </row>
    <row r="1288" spans="1:3" ht="27" x14ac:dyDescent="0.15">
      <c r="A1288" s="3">
        <v>2011411435</v>
      </c>
      <c r="B1288" s="4" t="s">
        <v>2834</v>
      </c>
      <c r="C1288" s="3" t="s">
        <v>1112</v>
      </c>
    </row>
    <row r="1289" spans="1:3" ht="27" x14ac:dyDescent="0.15">
      <c r="A1289" s="3">
        <v>2011411436</v>
      </c>
      <c r="B1289" s="4" t="s">
        <v>2835</v>
      </c>
      <c r="C1289" s="3" t="s">
        <v>1112</v>
      </c>
    </row>
    <row r="1290" spans="1:3" x14ac:dyDescent="0.15">
      <c r="A1290" s="3">
        <v>2011411437</v>
      </c>
      <c r="B1290" s="4" t="s">
        <v>2836</v>
      </c>
      <c r="C1290" s="3" t="s">
        <v>1112</v>
      </c>
    </row>
    <row r="1291" spans="1:3" ht="27" x14ac:dyDescent="0.15">
      <c r="A1291" s="3">
        <v>2011411438</v>
      </c>
      <c r="B1291" s="4" t="s">
        <v>2837</v>
      </c>
      <c r="C1291" s="3" t="s">
        <v>1112</v>
      </c>
    </row>
    <row r="1292" spans="1:3" ht="27" x14ac:dyDescent="0.15">
      <c r="A1292" s="3">
        <v>2011411439</v>
      </c>
      <c r="B1292" s="4" t="s">
        <v>2837</v>
      </c>
      <c r="C1292" s="3" t="s">
        <v>1112</v>
      </c>
    </row>
    <row r="1293" spans="1:3" x14ac:dyDescent="0.15">
      <c r="A1293" s="3">
        <v>2011411440</v>
      </c>
      <c r="B1293" s="4" t="s">
        <v>2838</v>
      </c>
      <c r="C1293" s="3" t="s">
        <v>1112</v>
      </c>
    </row>
    <row r="1294" spans="1:3" x14ac:dyDescent="0.15">
      <c r="A1294" s="3">
        <v>2011411464</v>
      </c>
      <c r="B1294" s="4" t="s">
        <v>2875</v>
      </c>
      <c r="C1294" s="3" t="s">
        <v>1112</v>
      </c>
    </row>
    <row r="1295" spans="1:3" ht="27" x14ac:dyDescent="0.15">
      <c r="A1295" s="3">
        <v>2011411465</v>
      </c>
      <c r="B1295" s="4" t="s">
        <v>2876</v>
      </c>
      <c r="C1295" s="3" t="s">
        <v>1112</v>
      </c>
    </row>
    <row r="1296" spans="1:3" x14ac:dyDescent="0.15">
      <c r="A1296" s="3">
        <v>2011411466</v>
      </c>
      <c r="B1296" s="4" t="s">
        <v>2877</v>
      </c>
      <c r="C1296" s="3" t="s">
        <v>2878</v>
      </c>
    </row>
    <row r="1297" spans="1:3" ht="27" x14ac:dyDescent="0.15">
      <c r="A1297" s="3">
        <v>2011411441</v>
      </c>
      <c r="B1297" s="4" t="s">
        <v>2839</v>
      </c>
      <c r="C1297" s="3" t="s">
        <v>2840</v>
      </c>
    </row>
    <row r="1298" spans="1:3" ht="27" x14ac:dyDescent="0.15">
      <c r="A1298" s="3">
        <v>2011411449</v>
      </c>
      <c r="B1298" s="4" t="s">
        <v>2851</v>
      </c>
      <c r="C1298" s="3" t="s">
        <v>2852</v>
      </c>
    </row>
    <row r="1299" spans="1:3" ht="27" x14ac:dyDescent="0.15">
      <c r="A1299" s="3">
        <v>2011411450</v>
      </c>
      <c r="B1299" s="4" t="s">
        <v>2853</v>
      </c>
      <c r="C1299" s="3" t="s">
        <v>2852</v>
      </c>
    </row>
    <row r="1300" spans="1:3" ht="27" x14ac:dyDescent="0.15">
      <c r="A1300" s="3">
        <v>2011411467</v>
      </c>
      <c r="B1300" s="4" t="s">
        <v>2879</v>
      </c>
      <c r="C1300" s="3" t="s">
        <v>2852</v>
      </c>
    </row>
    <row r="1301" spans="1:3" ht="27" x14ac:dyDescent="0.15">
      <c r="A1301" s="3">
        <v>2011414340</v>
      </c>
      <c r="B1301" s="4" t="s">
        <v>2879</v>
      </c>
      <c r="C1301" s="3" t="s">
        <v>2852</v>
      </c>
    </row>
    <row r="1302" spans="1:3" ht="27" x14ac:dyDescent="0.15">
      <c r="A1302" s="3">
        <v>2008400190</v>
      </c>
      <c r="B1302" s="4" t="s">
        <v>230</v>
      </c>
      <c r="C1302" s="3" t="s">
        <v>231</v>
      </c>
    </row>
    <row r="1303" spans="1:3" ht="27" x14ac:dyDescent="0.15">
      <c r="A1303" s="3">
        <v>2011411451</v>
      </c>
      <c r="B1303" s="4" t="s">
        <v>2854</v>
      </c>
      <c r="C1303" s="3" t="s">
        <v>2855</v>
      </c>
    </row>
    <row r="1304" spans="1:3" ht="27" x14ac:dyDescent="0.15">
      <c r="A1304" s="3">
        <v>2011411452</v>
      </c>
      <c r="B1304" s="4" t="s">
        <v>2856</v>
      </c>
      <c r="C1304" s="3" t="s">
        <v>2855</v>
      </c>
    </row>
    <row r="1305" spans="1:3" ht="27" x14ac:dyDescent="0.15">
      <c r="A1305" s="3">
        <v>2011411453</v>
      </c>
      <c r="B1305" s="4" t="s">
        <v>2857</v>
      </c>
      <c r="C1305" s="3" t="s">
        <v>2855</v>
      </c>
    </row>
    <row r="1306" spans="1:3" ht="27" x14ac:dyDescent="0.15">
      <c r="A1306" s="3">
        <v>2011411604</v>
      </c>
      <c r="B1306" s="4" t="s">
        <v>3046</v>
      </c>
      <c r="C1306" s="3" t="s">
        <v>3047</v>
      </c>
    </row>
    <row r="1307" spans="1:3" ht="27" x14ac:dyDescent="0.15">
      <c r="A1307" s="3">
        <v>2011411477</v>
      </c>
      <c r="B1307" s="4" t="s">
        <v>2890</v>
      </c>
      <c r="C1307" s="3" t="s">
        <v>2891</v>
      </c>
    </row>
    <row r="1308" spans="1:3" ht="27" x14ac:dyDescent="0.15">
      <c r="A1308" s="3">
        <v>2011411493</v>
      </c>
      <c r="B1308" s="4" t="s">
        <v>2904</v>
      </c>
      <c r="C1308" s="3" t="s">
        <v>2891</v>
      </c>
    </row>
    <row r="1309" spans="1:3" ht="27" x14ac:dyDescent="0.15">
      <c r="A1309" s="3">
        <v>2011411475</v>
      </c>
      <c r="B1309" s="4" t="s">
        <v>2886</v>
      </c>
      <c r="C1309" s="3" t="s">
        <v>2887</v>
      </c>
    </row>
    <row r="1310" spans="1:3" x14ac:dyDescent="0.15">
      <c r="A1310" s="3">
        <v>2011411494</v>
      </c>
      <c r="B1310" s="4" t="s">
        <v>2905</v>
      </c>
      <c r="C1310" s="3" t="s">
        <v>2887</v>
      </c>
    </row>
    <row r="1311" spans="1:3" ht="27" x14ac:dyDescent="0.15">
      <c r="A1311" s="3">
        <v>2011411606</v>
      </c>
      <c r="B1311" s="4" t="s">
        <v>3049</v>
      </c>
      <c r="C1311" s="3" t="s">
        <v>2887</v>
      </c>
    </row>
    <row r="1312" spans="1:3" x14ac:dyDescent="0.15">
      <c r="A1312" s="3">
        <v>2011411607</v>
      </c>
      <c r="B1312" s="4" t="s">
        <v>3050</v>
      </c>
      <c r="C1312" s="3" t="s">
        <v>2887</v>
      </c>
    </row>
    <row r="1313" spans="1:3" ht="27" x14ac:dyDescent="0.15">
      <c r="A1313" s="3">
        <v>2011411495</v>
      </c>
      <c r="B1313" s="4" t="s">
        <v>2906</v>
      </c>
      <c r="C1313" s="3" t="s">
        <v>2907</v>
      </c>
    </row>
    <row r="1314" spans="1:3" ht="27" x14ac:dyDescent="0.15">
      <c r="A1314" s="3">
        <v>2008400201</v>
      </c>
      <c r="B1314" s="4" t="s">
        <v>243</v>
      </c>
      <c r="C1314" s="3" t="s">
        <v>244</v>
      </c>
    </row>
    <row r="1315" spans="1:3" ht="27" x14ac:dyDescent="0.15">
      <c r="A1315" s="3">
        <v>2011411496</v>
      </c>
      <c r="B1315" s="4" t="s">
        <v>2908</v>
      </c>
      <c r="C1315" s="3" t="s">
        <v>244</v>
      </c>
    </row>
    <row r="1316" spans="1:3" x14ac:dyDescent="0.15">
      <c r="A1316" s="3">
        <v>2011411608</v>
      </c>
      <c r="B1316" s="4" t="s">
        <v>3051</v>
      </c>
      <c r="C1316" s="3" t="s">
        <v>244</v>
      </c>
    </row>
    <row r="1317" spans="1:3" x14ac:dyDescent="0.15">
      <c r="A1317" s="3">
        <v>2011411609</v>
      </c>
      <c r="B1317" s="4" t="s">
        <v>3052</v>
      </c>
      <c r="C1317" s="3" t="s">
        <v>244</v>
      </c>
    </row>
    <row r="1318" spans="1:3" x14ac:dyDescent="0.15">
      <c r="A1318" s="3">
        <v>2011411497</v>
      </c>
      <c r="B1318" s="4" t="s">
        <v>2909</v>
      </c>
      <c r="C1318" s="3" t="s">
        <v>2910</v>
      </c>
    </row>
    <row r="1319" spans="1:3" ht="27" x14ac:dyDescent="0.15">
      <c r="A1319" s="3">
        <v>2011411610</v>
      </c>
      <c r="B1319" s="4" t="s">
        <v>3053</v>
      </c>
      <c r="C1319" s="3" t="s">
        <v>2910</v>
      </c>
    </row>
    <row r="1320" spans="1:3" ht="27" x14ac:dyDescent="0.15">
      <c r="A1320" s="3">
        <v>2011411612</v>
      </c>
      <c r="B1320" s="4" t="s">
        <v>3055</v>
      </c>
      <c r="C1320" s="3" t="s">
        <v>3056</v>
      </c>
    </row>
    <row r="1321" spans="1:3" ht="27" x14ac:dyDescent="0.15">
      <c r="A1321" s="3">
        <v>2008400206</v>
      </c>
      <c r="B1321" s="4" t="s">
        <v>251</v>
      </c>
      <c r="C1321" s="3" t="s">
        <v>252</v>
      </c>
    </row>
    <row r="1322" spans="1:3" ht="27" x14ac:dyDescent="0.15">
      <c r="A1322" s="3">
        <v>2008400207</v>
      </c>
      <c r="B1322" s="4" t="s">
        <v>253</v>
      </c>
      <c r="C1322" s="3" t="s">
        <v>252</v>
      </c>
    </row>
    <row r="1323" spans="1:3" ht="27" x14ac:dyDescent="0.15">
      <c r="A1323" s="3">
        <v>2008400208</v>
      </c>
      <c r="B1323" s="4" t="s">
        <v>254</v>
      </c>
      <c r="C1323" s="3" t="s">
        <v>252</v>
      </c>
    </row>
    <row r="1324" spans="1:3" ht="27" x14ac:dyDescent="0.15">
      <c r="A1324" s="3">
        <v>2008400273</v>
      </c>
      <c r="B1324" s="4" t="s">
        <v>326</v>
      </c>
      <c r="C1324" s="3" t="s">
        <v>252</v>
      </c>
    </row>
    <row r="1325" spans="1:3" ht="27" x14ac:dyDescent="0.15">
      <c r="A1325" s="3">
        <v>2008400274</v>
      </c>
      <c r="B1325" s="4" t="s">
        <v>327</v>
      </c>
      <c r="C1325" s="3" t="s">
        <v>252</v>
      </c>
    </row>
    <row r="1326" spans="1:3" ht="27" x14ac:dyDescent="0.15">
      <c r="A1326" s="3">
        <v>2011411508</v>
      </c>
      <c r="B1326" s="4" t="s">
        <v>2923</v>
      </c>
      <c r="C1326" s="3" t="s">
        <v>252</v>
      </c>
    </row>
    <row r="1327" spans="1:3" x14ac:dyDescent="0.15">
      <c r="A1327" s="3">
        <v>2011411509</v>
      </c>
      <c r="B1327" s="4" t="s">
        <v>2924</v>
      </c>
      <c r="C1327" s="3" t="s">
        <v>252</v>
      </c>
    </row>
    <row r="1328" spans="1:3" x14ac:dyDescent="0.15">
      <c r="A1328" s="3">
        <v>2011411510</v>
      </c>
      <c r="B1328" s="4" t="s">
        <v>2925</v>
      </c>
      <c r="C1328" s="3" t="s">
        <v>252</v>
      </c>
    </row>
    <row r="1329" spans="1:3" x14ac:dyDescent="0.15">
      <c r="A1329" s="3">
        <v>2011411616</v>
      </c>
      <c r="B1329" s="4" t="s">
        <v>3060</v>
      </c>
      <c r="C1329" s="3" t="s">
        <v>252</v>
      </c>
    </row>
    <row r="1330" spans="1:3" ht="27" x14ac:dyDescent="0.15">
      <c r="A1330" s="3">
        <v>2011411511</v>
      </c>
      <c r="B1330" s="4" t="s">
        <v>2926</v>
      </c>
      <c r="C1330" s="3" t="s">
        <v>2927</v>
      </c>
    </row>
    <row r="1331" spans="1:3" ht="27" x14ac:dyDescent="0.15">
      <c r="A1331" s="3">
        <v>2011411512</v>
      </c>
      <c r="B1331" s="4" t="s">
        <v>2928</v>
      </c>
      <c r="C1331" s="3" t="s">
        <v>2927</v>
      </c>
    </row>
    <row r="1332" spans="1:3" ht="27" x14ac:dyDescent="0.15">
      <c r="A1332" s="3">
        <v>2011411513</v>
      </c>
      <c r="B1332" s="4" t="s">
        <v>2929</v>
      </c>
      <c r="C1332" s="3" t="s">
        <v>2927</v>
      </c>
    </row>
    <row r="1333" spans="1:3" ht="27" x14ac:dyDescent="0.15">
      <c r="A1333" s="3">
        <v>2011411514</v>
      </c>
      <c r="B1333" s="4" t="s">
        <v>2930</v>
      </c>
      <c r="C1333" s="3" t="s">
        <v>2927</v>
      </c>
    </row>
    <row r="1334" spans="1:3" ht="27" x14ac:dyDescent="0.15">
      <c r="A1334" s="3">
        <v>2011411515</v>
      </c>
      <c r="B1334" s="4" t="s">
        <v>2931</v>
      </c>
      <c r="C1334" s="3" t="s">
        <v>2927</v>
      </c>
    </row>
    <row r="1335" spans="1:3" ht="27" x14ac:dyDescent="0.15">
      <c r="A1335" s="3">
        <v>2011411516</v>
      </c>
      <c r="B1335" s="4" t="s">
        <v>2932</v>
      </c>
      <c r="C1335" s="3" t="s">
        <v>2927</v>
      </c>
    </row>
    <row r="1336" spans="1:3" ht="27" x14ac:dyDescent="0.15">
      <c r="A1336" s="3">
        <v>2011411517</v>
      </c>
      <c r="B1336" s="4" t="s">
        <v>2933</v>
      </c>
      <c r="C1336" s="3" t="s">
        <v>2927</v>
      </c>
    </row>
    <row r="1337" spans="1:3" ht="27" x14ac:dyDescent="0.15">
      <c r="A1337" s="3">
        <v>2011411518</v>
      </c>
      <c r="B1337" s="4" t="s">
        <v>2934</v>
      </c>
      <c r="C1337" s="3" t="s">
        <v>2927</v>
      </c>
    </row>
    <row r="1338" spans="1:3" ht="27" x14ac:dyDescent="0.15">
      <c r="A1338" s="3">
        <v>2011411615</v>
      </c>
      <c r="B1338" s="4" t="s">
        <v>3059</v>
      </c>
      <c r="C1338" s="3" t="s">
        <v>2927</v>
      </c>
    </row>
    <row r="1339" spans="1:3" ht="27" x14ac:dyDescent="0.15">
      <c r="A1339" s="3">
        <v>2011411617</v>
      </c>
      <c r="B1339" s="4" t="s">
        <v>3061</v>
      </c>
      <c r="C1339" s="3" t="s">
        <v>2927</v>
      </c>
    </row>
    <row r="1340" spans="1:3" ht="27" x14ac:dyDescent="0.15">
      <c r="A1340" s="3">
        <v>2011411522</v>
      </c>
      <c r="B1340" s="4" t="s">
        <v>2940</v>
      </c>
      <c r="C1340" s="3" t="s">
        <v>2941</v>
      </c>
    </row>
    <row r="1341" spans="1:3" ht="27" x14ac:dyDescent="0.15">
      <c r="A1341" s="3">
        <v>2011411524</v>
      </c>
      <c r="B1341" s="4" t="s">
        <v>2944</v>
      </c>
      <c r="C1341" s="3" t="s">
        <v>2945</v>
      </c>
    </row>
    <row r="1342" spans="1:3" ht="27" x14ac:dyDescent="0.15">
      <c r="A1342" s="3">
        <v>2011411540</v>
      </c>
      <c r="B1342" s="4" t="s">
        <v>2965</v>
      </c>
      <c r="C1342" s="3" t="s">
        <v>2945</v>
      </c>
    </row>
    <row r="1343" spans="1:3" ht="40.5" x14ac:dyDescent="0.15">
      <c r="A1343" s="3">
        <v>2008400209</v>
      </c>
      <c r="B1343" s="4" t="s">
        <v>255</v>
      </c>
      <c r="C1343" s="3" t="s">
        <v>256</v>
      </c>
    </row>
    <row r="1344" spans="1:3" ht="27" x14ac:dyDescent="0.15">
      <c r="A1344" s="3">
        <v>2008400210</v>
      </c>
      <c r="B1344" s="4" t="s">
        <v>257</v>
      </c>
      <c r="C1344" s="3" t="s">
        <v>256</v>
      </c>
    </row>
    <row r="1345" spans="1:3" ht="27" x14ac:dyDescent="0.15">
      <c r="A1345" s="3">
        <v>2008400772</v>
      </c>
      <c r="B1345" s="4" t="s">
        <v>896</v>
      </c>
      <c r="C1345" s="3" t="s">
        <v>256</v>
      </c>
    </row>
    <row r="1346" spans="1:3" ht="27" x14ac:dyDescent="0.15">
      <c r="A1346" s="3">
        <v>2011411543</v>
      </c>
      <c r="B1346" s="4" t="s">
        <v>2969</v>
      </c>
      <c r="C1346" s="3" t="s">
        <v>256</v>
      </c>
    </row>
    <row r="1347" spans="1:3" ht="27" x14ac:dyDescent="0.15">
      <c r="A1347" s="3">
        <v>2011411544</v>
      </c>
      <c r="B1347" s="4" t="s">
        <v>2970</v>
      </c>
      <c r="C1347" s="3" t="s">
        <v>256</v>
      </c>
    </row>
    <row r="1348" spans="1:3" ht="27" x14ac:dyDescent="0.15">
      <c r="A1348" s="3">
        <v>2011411545</v>
      </c>
      <c r="B1348" s="4" t="s">
        <v>2971</v>
      </c>
      <c r="C1348" s="3" t="s">
        <v>256</v>
      </c>
    </row>
    <row r="1349" spans="1:3" ht="27" x14ac:dyDescent="0.15">
      <c r="A1349" s="3">
        <v>2011411619</v>
      </c>
      <c r="B1349" s="4" t="s">
        <v>3063</v>
      </c>
      <c r="C1349" s="3" t="s">
        <v>256</v>
      </c>
    </row>
    <row r="1350" spans="1:3" ht="27" x14ac:dyDescent="0.15">
      <c r="A1350" s="3">
        <v>2008400211</v>
      </c>
      <c r="B1350" s="4" t="s">
        <v>258</v>
      </c>
      <c r="C1350" s="3" t="s">
        <v>259</v>
      </c>
    </row>
    <row r="1351" spans="1:3" ht="27" x14ac:dyDescent="0.15">
      <c r="A1351" s="3">
        <v>2008400212</v>
      </c>
      <c r="B1351" s="4" t="s">
        <v>260</v>
      </c>
      <c r="C1351" s="3" t="s">
        <v>259</v>
      </c>
    </row>
    <row r="1352" spans="1:3" ht="27" x14ac:dyDescent="0.15">
      <c r="A1352" s="3">
        <v>2011411546</v>
      </c>
      <c r="B1352" s="4" t="s">
        <v>2972</v>
      </c>
      <c r="C1352" s="3" t="s">
        <v>259</v>
      </c>
    </row>
    <row r="1353" spans="1:3" ht="27" x14ac:dyDescent="0.15">
      <c r="A1353" s="3">
        <v>2011411547</v>
      </c>
      <c r="B1353" s="4" t="s">
        <v>2973</v>
      </c>
      <c r="C1353" s="3" t="s">
        <v>259</v>
      </c>
    </row>
    <row r="1354" spans="1:3" ht="27" x14ac:dyDescent="0.15">
      <c r="A1354" s="3">
        <v>2011411548</v>
      </c>
      <c r="B1354" s="4" t="s">
        <v>2974</v>
      </c>
      <c r="C1354" s="3" t="s">
        <v>259</v>
      </c>
    </row>
    <row r="1355" spans="1:3" ht="27" x14ac:dyDescent="0.15">
      <c r="A1355" s="3">
        <v>2011411549</v>
      </c>
      <c r="B1355" s="4" t="s">
        <v>2975</v>
      </c>
      <c r="C1355" s="3" t="s">
        <v>259</v>
      </c>
    </row>
    <row r="1356" spans="1:3" ht="27" x14ac:dyDescent="0.15">
      <c r="A1356" s="3">
        <v>2011411550</v>
      </c>
      <c r="B1356" s="4" t="s">
        <v>2976</v>
      </c>
      <c r="C1356" s="3" t="s">
        <v>259</v>
      </c>
    </row>
    <row r="1357" spans="1:3" ht="27" x14ac:dyDescent="0.15">
      <c r="A1357" s="3">
        <v>2011411551</v>
      </c>
      <c r="B1357" s="4" t="s">
        <v>2977</v>
      </c>
      <c r="C1357" s="3" t="s">
        <v>259</v>
      </c>
    </row>
    <row r="1358" spans="1:3" ht="27" x14ac:dyDescent="0.15">
      <c r="A1358" s="3">
        <v>2011411552</v>
      </c>
      <c r="B1358" s="4" t="s">
        <v>2978</v>
      </c>
      <c r="C1358" s="3" t="s">
        <v>259</v>
      </c>
    </row>
    <row r="1359" spans="1:3" ht="27" x14ac:dyDescent="0.15">
      <c r="A1359" s="3">
        <v>2011411553</v>
      </c>
      <c r="B1359" s="4" t="s">
        <v>2979</v>
      </c>
      <c r="C1359" s="3" t="s">
        <v>259</v>
      </c>
    </row>
    <row r="1360" spans="1:3" ht="27" x14ac:dyDescent="0.15">
      <c r="A1360" s="3">
        <v>2011411554</v>
      </c>
      <c r="B1360" s="4" t="s">
        <v>2980</v>
      </c>
      <c r="C1360" s="3" t="s">
        <v>259</v>
      </c>
    </row>
    <row r="1361" spans="1:3" ht="27" x14ac:dyDescent="0.15">
      <c r="A1361" s="3">
        <v>2011411555</v>
      </c>
      <c r="B1361" s="4" t="s">
        <v>2981</v>
      </c>
      <c r="C1361" s="3" t="s">
        <v>259</v>
      </c>
    </row>
    <row r="1362" spans="1:3" ht="27" x14ac:dyDescent="0.15">
      <c r="A1362" s="3">
        <v>2011411556</v>
      </c>
      <c r="B1362" s="4" t="s">
        <v>2982</v>
      </c>
      <c r="C1362" s="3" t="s">
        <v>259</v>
      </c>
    </row>
    <row r="1363" spans="1:3" ht="27" x14ac:dyDescent="0.15">
      <c r="A1363" s="3">
        <v>2011411557</v>
      </c>
      <c r="B1363" s="4" t="s">
        <v>2983</v>
      </c>
      <c r="C1363" s="3" t="s">
        <v>259</v>
      </c>
    </row>
    <row r="1364" spans="1:3" ht="27" x14ac:dyDescent="0.15">
      <c r="A1364" s="3">
        <v>2011411558</v>
      </c>
      <c r="B1364" s="4" t="s">
        <v>2984</v>
      </c>
      <c r="C1364" s="3" t="s">
        <v>259</v>
      </c>
    </row>
    <row r="1365" spans="1:3" x14ac:dyDescent="0.15">
      <c r="A1365" s="3">
        <v>2011411568</v>
      </c>
      <c r="B1365" s="4" t="s">
        <v>2995</v>
      </c>
      <c r="C1365" s="3" t="s">
        <v>259</v>
      </c>
    </row>
    <row r="1366" spans="1:3" x14ac:dyDescent="0.15">
      <c r="A1366" s="3">
        <v>2011411569</v>
      </c>
      <c r="B1366" s="4" t="s">
        <v>2996</v>
      </c>
      <c r="C1366" s="3" t="s">
        <v>259</v>
      </c>
    </row>
    <row r="1367" spans="1:3" ht="27" x14ac:dyDescent="0.15">
      <c r="A1367" s="3">
        <v>2011411620</v>
      </c>
      <c r="B1367" s="4" t="s">
        <v>3064</v>
      </c>
      <c r="C1367" s="3" t="s">
        <v>259</v>
      </c>
    </row>
    <row r="1368" spans="1:3" ht="27" x14ac:dyDescent="0.15">
      <c r="A1368" s="3">
        <v>2011411622</v>
      </c>
      <c r="B1368" s="4" t="s">
        <v>3067</v>
      </c>
      <c r="C1368" s="3" t="s">
        <v>259</v>
      </c>
    </row>
    <row r="1369" spans="1:3" ht="27" x14ac:dyDescent="0.15">
      <c r="A1369" s="3">
        <v>2011411623</v>
      </c>
      <c r="B1369" s="4" t="s">
        <v>3068</v>
      </c>
      <c r="C1369" s="3" t="s">
        <v>259</v>
      </c>
    </row>
    <row r="1370" spans="1:3" ht="27" x14ac:dyDescent="0.15">
      <c r="A1370" s="3">
        <v>2011411624</v>
      </c>
      <c r="B1370" s="4" t="s">
        <v>3069</v>
      </c>
      <c r="C1370" s="3" t="s">
        <v>259</v>
      </c>
    </row>
    <row r="1371" spans="1:3" ht="27" x14ac:dyDescent="0.15">
      <c r="A1371" s="3">
        <v>2011411570</v>
      </c>
      <c r="B1371" s="4" t="s">
        <v>2997</v>
      </c>
      <c r="C1371" s="3" t="s">
        <v>2998</v>
      </c>
    </row>
    <row r="1372" spans="1:3" ht="27" x14ac:dyDescent="0.15">
      <c r="A1372" s="3">
        <v>2011411573</v>
      </c>
      <c r="B1372" s="4" t="s">
        <v>3001</v>
      </c>
      <c r="C1372" s="3" t="s">
        <v>3002</v>
      </c>
    </row>
    <row r="1373" spans="1:3" x14ac:dyDescent="0.15">
      <c r="A1373" s="3">
        <v>2011411574</v>
      </c>
      <c r="B1373" s="4" t="s">
        <v>3003</v>
      </c>
      <c r="C1373" s="3" t="s">
        <v>3002</v>
      </c>
    </row>
    <row r="1374" spans="1:3" ht="27" x14ac:dyDescent="0.15">
      <c r="A1374" s="3">
        <v>2011411575</v>
      </c>
      <c r="B1374" s="4" t="s">
        <v>3004</v>
      </c>
      <c r="C1374" s="3" t="s">
        <v>3002</v>
      </c>
    </row>
    <row r="1375" spans="1:3" ht="27" x14ac:dyDescent="0.15">
      <c r="A1375" s="3">
        <v>2011411576</v>
      </c>
      <c r="B1375" s="4" t="s">
        <v>3005</v>
      </c>
      <c r="C1375" s="3" t="s">
        <v>3002</v>
      </c>
    </row>
    <row r="1376" spans="1:3" ht="27" x14ac:dyDescent="0.15">
      <c r="A1376" s="3">
        <v>2011411579</v>
      </c>
      <c r="B1376" s="4" t="s">
        <v>3010</v>
      </c>
      <c r="C1376" s="3" t="s">
        <v>3011</v>
      </c>
    </row>
    <row r="1377" spans="1:3" x14ac:dyDescent="0.15">
      <c r="A1377" s="3">
        <v>2011411581</v>
      </c>
      <c r="B1377" s="4" t="s">
        <v>3014</v>
      </c>
      <c r="C1377" s="3" t="s">
        <v>3015</v>
      </c>
    </row>
    <row r="1378" spans="1:3" x14ac:dyDescent="0.15">
      <c r="A1378" s="3">
        <v>2011411582</v>
      </c>
      <c r="B1378" s="4" t="s">
        <v>3016</v>
      </c>
      <c r="C1378" s="3" t="s">
        <v>3015</v>
      </c>
    </row>
    <row r="1379" spans="1:3" x14ac:dyDescent="0.15">
      <c r="A1379" s="3">
        <v>2011411583</v>
      </c>
      <c r="B1379" s="4" t="s">
        <v>3017</v>
      </c>
      <c r="C1379" s="3" t="s">
        <v>3015</v>
      </c>
    </row>
    <row r="1380" spans="1:3" ht="27" x14ac:dyDescent="0.15">
      <c r="A1380" s="3">
        <v>2011411591</v>
      </c>
      <c r="B1380" s="4" t="s">
        <v>3026</v>
      </c>
      <c r="C1380" s="3" t="s">
        <v>3027</v>
      </c>
    </row>
    <row r="1381" spans="1:3" x14ac:dyDescent="0.15">
      <c r="A1381" s="3">
        <v>2011411593</v>
      </c>
      <c r="B1381" s="4" t="s">
        <v>3030</v>
      </c>
      <c r="C1381" s="3" t="s">
        <v>3027</v>
      </c>
    </row>
    <row r="1382" spans="1:3" ht="27" x14ac:dyDescent="0.15">
      <c r="A1382" s="3">
        <v>2011411594</v>
      </c>
      <c r="B1382" s="4" t="s">
        <v>3031</v>
      </c>
      <c r="C1382" s="3" t="s">
        <v>3027</v>
      </c>
    </row>
    <row r="1383" spans="1:3" ht="27" x14ac:dyDescent="0.15">
      <c r="A1383" s="3">
        <v>2011411595</v>
      </c>
      <c r="B1383" s="4" t="s">
        <v>3032</v>
      </c>
      <c r="C1383" s="3" t="s">
        <v>3027</v>
      </c>
    </row>
    <row r="1384" spans="1:3" ht="40.5" x14ac:dyDescent="0.15">
      <c r="A1384" s="3">
        <v>2011414442</v>
      </c>
      <c r="B1384" s="4" t="s">
        <v>6585</v>
      </c>
      <c r="C1384" s="3" t="s">
        <v>3027</v>
      </c>
    </row>
    <row r="1385" spans="1:3" x14ac:dyDescent="0.15">
      <c r="A1385" s="3">
        <v>2011411596</v>
      </c>
      <c r="B1385" s="4" t="s">
        <v>3033</v>
      </c>
      <c r="C1385" s="3" t="s">
        <v>3034</v>
      </c>
    </row>
    <row r="1386" spans="1:3" ht="27" x14ac:dyDescent="0.15">
      <c r="A1386" s="3">
        <v>2008400214</v>
      </c>
      <c r="B1386" s="4" t="s">
        <v>263</v>
      </c>
      <c r="C1386" s="3" t="s">
        <v>264</v>
      </c>
    </row>
    <row r="1387" spans="1:3" ht="27" x14ac:dyDescent="0.15">
      <c r="A1387" s="3">
        <v>2011411597</v>
      </c>
      <c r="B1387" s="4" t="s">
        <v>3035</v>
      </c>
      <c r="C1387" s="3" t="s">
        <v>264</v>
      </c>
    </row>
    <row r="1388" spans="1:3" ht="27" x14ac:dyDescent="0.15">
      <c r="A1388" s="3">
        <v>2011411633</v>
      </c>
      <c r="B1388" s="4" t="s">
        <v>3083</v>
      </c>
      <c r="C1388" s="3" t="s">
        <v>264</v>
      </c>
    </row>
    <row r="1389" spans="1:3" ht="27" x14ac:dyDescent="0.15">
      <c r="A1389" s="3">
        <v>2011411635</v>
      </c>
      <c r="B1389" s="4" t="s">
        <v>3086</v>
      </c>
      <c r="C1389" s="3" t="s">
        <v>3087</v>
      </c>
    </row>
    <row r="1390" spans="1:3" ht="27" x14ac:dyDescent="0.15">
      <c r="A1390" s="3">
        <v>2011411636</v>
      </c>
      <c r="B1390" s="4" t="s">
        <v>3088</v>
      </c>
      <c r="C1390" s="3" t="s">
        <v>3087</v>
      </c>
    </row>
    <row r="1391" spans="1:3" x14ac:dyDescent="0.15">
      <c r="A1391" s="3">
        <v>2011411637</v>
      </c>
      <c r="B1391" s="4" t="s">
        <v>3089</v>
      </c>
      <c r="C1391" s="3" t="s">
        <v>3087</v>
      </c>
    </row>
    <row r="1392" spans="1:3" ht="27" x14ac:dyDescent="0.15">
      <c r="A1392" s="3">
        <v>2011411638</v>
      </c>
      <c r="B1392" s="4" t="s">
        <v>3090</v>
      </c>
      <c r="C1392" s="3" t="s">
        <v>3087</v>
      </c>
    </row>
    <row r="1393" spans="1:3" ht="27" x14ac:dyDescent="0.15">
      <c r="A1393" s="3">
        <v>2011411639</v>
      </c>
      <c r="B1393" s="4" t="s">
        <v>3091</v>
      </c>
      <c r="C1393" s="3" t="s">
        <v>3087</v>
      </c>
    </row>
    <row r="1394" spans="1:3" x14ac:dyDescent="0.15">
      <c r="A1394" s="3">
        <v>2011411907</v>
      </c>
      <c r="B1394" s="4" t="s">
        <v>3390</v>
      </c>
      <c r="C1394" s="3" t="s">
        <v>3087</v>
      </c>
    </row>
    <row r="1395" spans="1:3" ht="27" x14ac:dyDescent="0.15">
      <c r="A1395" s="3">
        <v>2011411640</v>
      </c>
      <c r="B1395" s="4" t="s">
        <v>3092</v>
      </c>
      <c r="C1395" s="3" t="s">
        <v>3093</v>
      </c>
    </row>
    <row r="1396" spans="1:3" ht="27" x14ac:dyDescent="0.15">
      <c r="A1396" s="3">
        <v>2011414545</v>
      </c>
      <c r="B1396" s="4" t="s">
        <v>6738</v>
      </c>
      <c r="C1396" s="3" t="s">
        <v>6739</v>
      </c>
    </row>
    <row r="1397" spans="1:3" ht="27" x14ac:dyDescent="0.15">
      <c r="A1397" s="3">
        <v>2011411917</v>
      </c>
      <c r="B1397" s="4" t="s">
        <v>3400</v>
      </c>
      <c r="C1397" s="3" t="s">
        <v>3401</v>
      </c>
    </row>
    <row r="1398" spans="1:3" ht="27" x14ac:dyDescent="0.15">
      <c r="A1398" s="3">
        <v>2011414348</v>
      </c>
      <c r="B1398" s="4" t="s">
        <v>3400</v>
      </c>
      <c r="C1398" s="3" t="s">
        <v>3401</v>
      </c>
    </row>
    <row r="1399" spans="1:3" ht="27" x14ac:dyDescent="0.15">
      <c r="A1399" s="3">
        <v>2011413011</v>
      </c>
      <c r="B1399" s="4" t="s">
        <v>4728</v>
      </c>
      <c r="C1399" s="3" t="s">
        <v>4729</v>
      </c>
    </row>
    <row r="1400" spans="1:3" ht="27" x14ac:dyDescent="0.15">
      <c r="A1400" s="3">
        <v>2011414347</v>
      </c>
      <c r="B1400" s="4" t="s">
        <v>4728</v>
      </c>
      <c r="C1400" s="3" t="s">
        <v>4729</v>
      </c>
    </row>
    <row r="1401" spans="1:3" ht="27" x14ac:dyDescent="0.15">
      <c r="A1401" s="3">
        <v>2008400191</v>
      </c>
      <c r="B1401" s="4" t="s">
        <v>232</v>
      </c>
      <c r="C1401" s="3" t="s">
        <v>233</v>
      </c>
    </row>
    <row r="1402" spans="1:3" ht="27" x14ac:dyDescent="0.15">
      <c r="A1402" s="3">
        <v>2008400192</v>
      </c>
      <c r="B1402" s="4" t="s">
        <v>234</v>
      </c>
      <c r="C1402" s="3" t="s">
        <v>233</v>
      </c>
    </row>
    <row r="1403" spans="1:3" ht="27" x14ac:dyDescent="0.15">
      <c r="A1403" s="3">
        <v>2008400193</v>
      </c>
      <c r="B1403" s="4" t="s">
        <v>235</v>
      </c>
      <c r="C1403" s="3" t="s">
        <v>233</v>
      </c>
    </row>
    <row r="1404" spans="1:3" ht="27" x14ac:dyDescent="0.15">
      <c r="A1404" s="3">
        <v>2008400194</v>
      </c>
      <c r="B1404" s="4" t="s">
        <v>236</v>
      </c>
      <c r="C1404" s="3" t="s">
        <v>233</v>
      </c>
    </row>
    <row r="1405" spans="1:3" ht="27" x14ac:dyDescent="0.15">
      <c r="A1405" s="3">
        <v>2008400195</v>
      </c>
      <c r="B1405" s="4" t="s">
        <v>237</v>
      </c>
      <c r="C1405" s="3" t="s">
        <v>233</v>
      </c>
    </row>
    <row r="1406" spans="1:3" ht="27" x14ac:dyDescent="0.15">
      <c r="A1406" s="3">
        <v>2008400196</v>
      </c>
      <c r="B1406" s="4" t="s">
        <v>238</v>
      </c>
      <c r="C1406" s="3" t="s">
        <v>233</v>
      </c>
    </row>
    <row r="1407" spans="1:3" ht="27" x14ac:dyDescent="0.15">
      <c r="A1407" s="3">
        <v>2008400197</v>
      </c>
      <c r="B1407" s="4" t="s">
        <v>239</v>
      </c>
      <c r="C1407" s="3" t="s">
        <v>233</v>
      </c>
    </row>
    <row r="1408" spans="1:3" ht="27" x14ac:dyDescent="0.15">
      <c r="A1408" s="3">
        <v>2008400198</v>
      </c>
      <c r="B1408" s="4" t="s">
        <v>240</v>
      </c>
      <c r="C1408" s="3" t="s">
        <v>233</v>
      </c>
    </row>
    <row r="1409" spans="1:3" ht="27" x14ac:dyDescent="0.15">
      <c r="A1409" s="3">
        <v>2008400199</v>
      </c>
      <c r="B1409" s="4" t="s">
        <v>241</v>
      </c>
      <c r="C1409" s="3" t="s">
        <v>233</v>
      </c>
    </row>
    <row r="1410" spans="1:3" ht="27" x14ac:dyDescent="0.15">
      <c r="A1410" s="3">
        <v>2008400200</v>
      </c>
      <c r="B1410" s="4" t="s">
        <v>242</v>
      </c>
      <c r="C1410" s="3" t="s">
        <v>233</v>
      </c>
    </row>
    <row r="1411" spans="1:3" ht="27" x14ac:dyDescent="0.15">
      <c r="A1411" s="3">
        <v>2008400215</v>
      </c>
      <c r="B1411" s="4" t="s">
        <v>265</v>
      </c>
      <c r="C1411" s="3" t="s">
        <v>233</v>
      </c>
    </row>
    <row r="1412" spans="1:3" ht="27" x14ac:dyDescent="0.15">
      <c r="A1412" s="3">
        <v>2008400216</v>
      </c>
      <c r="B1412" s="4" t="s">
        <v>266</v>
      </c>
      <c r="C1412" s="3" t="s">
        <v>233</v>
      </c>
    </row>
    <row r="1413" spans="1:3" ht="27" x14ac:dyDescent="0.15">
      <c r="A1413" s="3">
        <v>2008400217</v>
      </c>
      <c r="B1413" s="4" t="s">
        <v>267</v>
      </c>
      <c r="C1413" s="3" t="s">
        <v>233</v>
      </c>
    </row>
    <row r="1414" spans="1:3" ht="27" x14ac:dyDescent="0.15">
      <c r="A1414" s="3">
        <v>2008400218</v>
      </c>
      <c r="B1414" s="4" t="s">
        <v>268</v>
      </c>
      <c r="C1414" s="3" t="s">
        <v>233</v>
      </c>
    </row>
    <row r="1415" spans="1:3" ht="27" x14ac:dyDescent="0.15">
      <c r="A1415" s="3">
        <v>2008400219</v>
      </c>
      <c r="B1415" s="4" t="s">
        <v>269</v>
      </c>
      <c r="C1415" s="3" t="s">
        <v>233</v>
      </c>
    </row>
    <row r="1416" spans="1:3" ht="27" x14ac:dyDescent="0.15">
      <c r="A1416" s="3">
        <v>2008400220</v>
      </c>
      <c r="B1416" s="4" t="s">
        <v>270</v>
      </c>
      <c r="C1416" s="3" t="s">
        <v>233</v>
      </c>
    </row>
    <row r="1417" spans="1:3" ht="27" x14ac:dyDescent="0.15">
      <c r="A1417" s="3">
        <v>2008400221</v>
      </c>
      <c r="B1417" s="4" t="s">
        <v>271</v>
      </c>
      <c r="C1417" s="3" t="s">
        <v>233</v>
      </c>
    </row>
    <row r="1418" spans="1:3" ht="27" x14ac:dyDescent="0.15">
      <c r="A1418" s="3">
        <v>2008400222</v>
      </c>
      <c r="B1418" s="4" t="s">
        <v>272</v>
      </c>
      <c r="C1418" s="3" t="s">
        <v>233</v>
      </c>
    </row>
    <row r="1419" spans="1:3" ht="40.5" x14ac:dyDescent="0.15">
      <c r="A1419" s="3">
        <v>2008400223</v>
      </c>
      <c r="B1419" s="4" t="s">
        <v>273</v>
      </c>
      <c r="C1419" s="3" t="s">
        <v>233</v>
      </c>
    </row>
    <row r="1420" spans="1:3" ht="27" x14ac:dyDescent="0.15">
      <c r="A1420" s="3">
        <v>2008400224</v>
      </c>
      <c r="B1420" s="4" t="s">
        <v>274</v>
      </c>
      <c r="C1420" s="3" t="s">
        <v>233</v>
      </c>
    </row>
    <row r="1421" spans="1:3" ht="27" x14ac:dyDescent="0.15">
      <c r="A1421" s="3">
        <v>2008400225</v>
      </c>
      <c r="B1421" s="4" t="s">
        <v>275</v>
      </c>
      <c r="C1421" s="3" t="s">
        <v>233</v>
      </c>
    </row>
    <row r="1422" spans="1:3" ht="27" x14ac:dyDescent="0.15">
      <c r="A1422" s="3">
        <v>2008400226</v>
      </c>
      <c r="B1422" s="4" t="s">
        <v>276</v>
      </c>
      <c r="C1422" s="3" t="s">
        <v>233</v>
      </c>
    </row>
    <row r="1423" spans="1:3" ht="27" x14ac:dyDescent="0.15">
      <c r="A1423" s="3">
        <v>2008400227</v>
      </c>
      <c r="B1423" s="4" t="s">
        <v>277</v>
      </c>
      <c r="C1423" s="3" t="s">
        <v>233</v>
      </c>
    </row>
    <row r="1424" spans="1:3" ht="27" x14ac:dyDescent="0.15">
      <c r="A1424" s="3">
        <v>2008400228</v>
      </c>
      <c r="B1424" s="4" t="s">
        <v>278</v>
      </c>
      <c r="C1424" s="3" t="s">
        <v>233</v>
      </c>
    </row>
    <row r="1425" spans="1:3" ht="27" x14ac:dyDescent="0.15">
      <c r="A1425" s="3">
        <v>2008400229</v>
      </c>
      <c r="B1425" s="4" t="s">
        <v>279</v>
      </c>
      <c r="C1425" s="3" t="s">
        <v>233</v>
      </c>
    </row>
    <row r="1426" spans="1:3" ht="27" x14ac:dyDescent="0.15">
      <c r="A1426" s="3">
        <v>2008400230</v>
      </c>
      <c r="B1426" s="4" t="s">
        <v>280</v>
      </c>
      <c r="C1426" s="3" t="s">
        <v>233</v>
      </c>
    </row>
    <row r="1427" spans="1:3" ht="27" x14ac:dyDescent="0.15">
      <c r="A1427" s="3">
        <v>2008400231</v>
      </c>
      <c r="B1427" s="4" t="s">
        <v>281</v>
      </c>
      <c r="C1427" s="3" t="s">
        <v>233</v>
      </c>
    </row>
    <row r="1428" spans="1:3" ht="27" x14ac:dyDescent="0.15">
      <c r="A1428" s="3">
        <v>2008400232</v>
      </c>
      <c r="B1428" s="4" t="s">
        <v>282</v>
      </c>
      <c r="C1428" s="3" t="s">
        <v>233</v>
      </c>
    </row>
    <row r="1429" spans="1:3" x14ac:dyDescent="0.15">
      <c r="A1429" s="3">
        <v>2008400233</v>
      </c>
      <c r="B1429" s="4" t="s">
        <v>283</v>
      </c>
      <c r="C1429" s="3" t="s">
        <v>233</v>
      </c>
    </row>
    <row r="1430" spans="1:3" ht="27" x14ac:dyDescent="0.15">
      <c r="A1430" s="3">
        <v>2008400234</v>
      </c>
      <c r="B1430" s="4" t="s">
        <v>284</v>
      </c>
      <c r="C1430" s="3" t="s">
        <v>233</v>
      </c>
    </row>
    <row r="1431" spans="1:3" ht="27" x14ac:dyDescent="0.15">
      <c r="A1431" s="3">
        <v>2008400235</v>
      </c>
      <c r="B1431" s="4" t="s">
        <v>285</v>
      </c>
      <c r="C1431" s="3" t="s">
        <v>233</v>
      </c>
    </row>
    <row r="1432" spans="1:3" ht="40.5" x14ac:dyDescent="0.15">
      <c r="A1432" s="3">
        <v>2008400236</v>
      </c>
      <c r="B1432" s="4" t="s">
        <v>286</v>
      </c>
      <c r="C1432" s="3" t="s">
        <v>233</v>
      </c>
    </row>
    <row r="1433" spans="1:3" ht="27" x14ac:dyDescent="0.15">
      <c r="A1433" s="3">
        <v>2008400237</v>
      </c>
      <c r="B1433" s="4" t="s">
        <v>287</v>
      </c>
      <c r="C1433" s="3" t="s">
        <v>233</v>
      </c>
    </row>
    <row r="1434" spans="1:3" x14ac:dyDescent="0.15">
      <c r="A1434" s="3">
        <v>2008400238</v>
      </c>
      <c r="B1434" s="4" t="s">
        <v>288</v>
      </c>
      <c r="C1434" s="3" t="s">
        <v>233</v>
      </c>
    </row>
    <row r="1435" spans="1:3" ht="27" x14ac:dyDescent="0.15">
      <c r="A1435" s="3">
        <v>2008400239</v>
      </c>
      <c r="B1435" s="4" t="s">
        <v>289</v>
      </c>
      <c r="C1435" s="3" t="s">
        <v>233</v>
      </c>
    </row>
    <row r="1436" spans="1:3" ht="27" x14ac:dyDescent="0.15">
      <c r="A1436" s="3">
        <v>2008400240</v>
      </c>
      <c r="B1436" s="4" t="s">
        <v>290</v>
      </c>
      <c r="C1436" s="3" t="s">
        <v>233</v>
      </c>
    </row>
    <row r="1437" spans="1:3" ht="27" x14ac:dyDescent="0.15">
      <c r="A1437" s="3">
        <v>2008400241</v>
      </c>
      <c r="B1437" s="4" t="s">
        <v>291</v>
      </c>
      <c r="C1437" s="3" t="s">
        <v>233</v>
      </c>
    </row>
    <row r="1438" spans="1:3" ht="27" x14ac:dyDescent="0.15">
      <c r="A1438" s="3">
        <v>2008400242</v>
      </c>
      <c r="B1438" s="4" t="s">
        <v>292</v>
      </c>
      <c r="C1438" s="3" t="s">
        <v>233</v>
      </c>
    </row>
    <row r="1439" spans="1:3" ht="27" x14ac:dyDescent="0.15">
      <c r="A1439" s="3">
        <v>2008400243</v>
      </c>
      <c r="B1439" s="4" t="s">
        <v>293</v>
      </c>
      <c r="C1439" s="3" t="s">
        <v>233</v>
      </c>
    </row>
    <row r="1440" spans="1:3" ht="27" x14ac:dyDescent="0.15">
      <c r="A1440" s="3">
        <v>2008400244</v>
      </c>
      <c r="B1440" s="4" t="s">
        <v>294</v>
      </c>
      <c r="C1440" s="3" t="s">
        <v>233</v>
      </c>
    </row>
    <row r="1441" spans="1:3" ht="27" x14ac:dyDescent="0.15">
      <c r="A1441" s="3">
        <v>2008400245</v>
      </c>
      <c r="B1441" s="4" t="s">
        <v>295</v>
      </c>
      <c r="C1441" s="3" t="s">
        <v>233</v>
      </c>
    </row>
    <row r="1442" spans="1:3" ht="27" x14ac:dyDescent="0.15">
      <c r="A1442" s="3">
        <v>2008400246</v>
      </c>
      <c r="B1442" s="4" t="s">
        <v>296</v>
      </c>
      <c r="C1442" s="3" t="s">
        <v>233</v>
      </c>
    </row>
    <row r="1443" spans="1:3" ht="27" x14ac:dyDescent="0.15">
      <c r="A1443" s="3">
        <v>2008400247</v>
      </c>
      <c r="B1443" s="4" t="s">
        <v>297</v>
      </c>
      <c r="C1443" s="3" t="s">
        <v>233</v>
      </c>
    </row>
    <row r="1444" spans="1:3" ht="27" x14ac:dyDescent="0.15">
      <c r="A1444" s="3">
        <v>2008400248</v>
      </c>
      <c r="B1444" s="4" t="s">
        <v>298</v>
      </c>
      <c r="C1444" s="3" t="s">
        <v>233</v>
      </c>
    </row>
    <row r="1445" spans="1:3" ht="27" x14ac:dyDescent="0.15">
      <c r="A1445" s="3">
        <v>2008400249</v>
      </c>
      <c r="B1445" s="4" t="s">
        <v>299</v>
      </c>
      <c r="C1445" s="3" t="s">
        <v>233</v>
      </c>
    </row>
    <row r="1446" spans="1:3" ht="27" x14ac:dyDescent="0.15">
      <c r="A1446" s="3">
        <v>2008400250</v>
      </c>
      <c r="B1446" s="4" t="s">
        <v>300</v>
      </c>
      <c r="C1446" s="3" t="s">
        <v>233</v>
      </c>
    </row>
    <row r="1447" spans="1:3" ht="27" x14ac:dyDescent="0.15">
      <c r="A1447" s="3">
        <v>2008400251</v>
      </c>
      <c r="B1447" s="4" t="s">
        <v>301</v>
      </c>
      <c r="C1447" s="3" t="s">
        <v>233</v>
      </c>
    </row>
    <row r="1448" spans="1:3" ht="27" x14ac:dyDescent="0.15">
      <c r="A1448" s="3">
        <v>2008400252</v>
      </c>
      <c r="B1448" s="4" t="s">
        <v>302</v>
      </c>
      <c r="C1448" s="3" t="s">
        <v>233</v>
      </c>
    </row>
    <row r="1449" spans="1:3" ht="27" x14ac:dyDescent="0.15">
      <c r="A1449" s="3">
        <v>2008400253</v>
      </c>
      <c r="B1449" s="4" t="s">
        <v>303</v>
      </c>
      <c r="C1449" s="3" t="s">
        <v>233</v>
      </c>
    </row>
    <row r="1450" spans="1:3" ht="27" x14ac:dyDescent="0.15">
      <c r="A1450" s="3">
        <v>2008400254</v>
      </c>
      <c r="B1450" s="4" t="s">
        <v>304</v>
      </c>
      <c r="C1450" s="3" t="s">
        <v>233</v>
      </c>
    </row>
    <row r="1451" spans="1:3" ht="40.5" x14ac:dyDescent="0.15">
      <c r="A1451" s="3">
        <v>2008400255</v>
      </c>
      <c r="B1451" s="4" t="s">
        <v>305</v>
      </c>
      <c r="C1451" s="3" t="s">
        <v>233</v>
      </c>
    </row>
    <row r="1452" spans="1:3" ht="27" x14ac:dyDescent="0.15">
      <c r="A1452" s="3">
        <v>2008400256</v>
      </c>
      <c r="B1452" s="4" t="s">
        <v>306</v>
      </c>
      <c r="C1452" s="3" t="s">
        <v>233</v>
      </c>
    </row>
    <row r="1453" spans="1:3" ht="27" x14ac:dyDescent="0.15">
      <c r="A1453" s="3">
        <v>2008400257</v>
      </c>
      <c r="B1453" s="4" t="s">
        <v>307</v>
      </c>
      <c r="C1453" s="3" t="s">
        <v>233</v>
      </c>
    </row>
    <row r="1454" spans="1:3" ht="27" x14ac:dyDescent="0.15">
      <c r="A1454" s="3">
        <v>2008400269</v>
      </c>
      <c r="B1454" s="4" t="s">
        <v>322</v>
      </c>
      <c r="C1454" s="3" t="s">
        <v>233</v>
      </c>
    </row>
    <row r="1455" spans="1:3" ht="27" x14ac:dyDescent="0.15">
      <c r="A1455" s="3">
        <v>2008400270</v>
      </c>
      <c r="B1455" s="4" t="s">
        <v>323</v>
      </c>
      <c r="C1455" s="3" t="s">
        <v>233</v>
      </c>
    </row>
    <row r="1456" spans="1:3" ht="27" x14ac:dyDescent="0.15">
      <c r="A1456" s="3">
        <v>2008400271</v>
      </c>
      <c r="B1456" s="4" t="s">
        <v>324</v>
      </c>
      <c r="C1456" s="3" t="s">
        <v>233</v>
      </c>
    </row>
    <row r="1457" spans="1:3" ht="27" x14ac:dyDescent="0.15">
      <c r="A1457" s="3">
        <v>2008400272</v>
      </c>
      <c r="B1457" s="4" t="s">
        <v>325</v>
      </c>
      <c r="C1457" s="3" t="s">
        <v>233</v>
      </c>
    </row>
    <row r="1458" spans="1:3" ht="27" x14ac:dyDescent="0.15">
      <c r="A1458" s="3">
        <v>2008400275</v>
      </c>
      <c r="B1458" s="4" t="s">
        <v>328</v>
      </c>
      <c r="C1458" s="3" t="s">
        <v>233</v>
      </c>
    </row>
    <row r="1459" spans="1:3" ht="27" x14ac:dyDescent="0.15">
      <c r="A1459" s="3">
        <v>2008400276</v>
      </c>
      <c r="B1459" s="4" t="s">
        <v>329</v>
      </c>
      <c r="C1459" s="3" t="s">
        <v>233</v>
      </c>
    </row>
    <row r="1460" spans="1:3" ht="27" x14ac:dyDescent="0.15">
      <c r="A1460" s="3">
        <v>2008400277</v>
      </c>
      <c r="B1460" s="4" t="s">
        <v>330</v>
      </c>
      <c r="C1460" s="3" t="s">
        <v>233</v>
      </c>
    </row>
    <row r="1461" spans="1:3" ht="27" x14ac:dyDescent="0.15">
      <c r="A1461" s="3">
        <v>2008400278</v>
      </c>
      <c r="B1461" s="4" t="s">
        <v>331</v>
      </c>
      <c r="C1461" s="3" t="s">
        <v>233</v>
      </c>
    </row>
    <row r="1462" spans="1:3" ht="27" x14ac:dyDescent="0.15">
      <c r="A1462" s="3">
        <v>2008400279</v>
      </c>
      <c r="B1462" s="4" t="s">
        <v>332</v>
      </c>
      <c r="C1462" s="3" t="s">
        <v>233</v>
      </c>
    </row>
    <row r="1463" spans="1:3" ht="27" x14ac:dyDescent="0.15">
      <c r="A1463" s="3">
        <v>2008400280</v>
      </c>
      <c r="B1463" s="4" t="s">
        <v>333</v>
      </c>
      <c r="C1463" s="3" t="s">
        <v>233</v>
      </c>
    </row>
    <row r="1464" spans="1:3" ht="27" x14ac:dyDescent="0.15">
      <c r="A1464" s="3">
        <v>2008400281</v>
      </c>
      <c r="B1464" s="4" t="s">
        <v>334</v>
      </c>
      <c r="C1464" s="3" t="s">
        <v>233</v>
      </c>
    </row>
    <row r="1465" spans="1:3" ht="27" x14ac:dyDescent="0.15">
      <c r="A1465" s="3">
        <v>2008400282</v>
      </c>
      <c r="B1465" s="4" t="s">
        <v>335</v>
      </c>
      <c r="C1465" s="3" t="s">
        <v>233</v>
      </c>
    </row>
    <row r="1466" spans="1:3" ht="27" x14ac:dyDescent="0.15">
      <c r="A1466" s="3">
        <v>2008400283</v>
      </c>
      <c r="B1466" s="4" t="s">
        <v>336</v>
      </c>
      <c r="C1466" s="3" t="s">
        <v>233</v>
      </c>
    </row>
    <row r="1467" spans="1:3" ht="40.5" x14ac:dyDescent="0.15">
      <c r="A1467" s="3">
        <v>2008400284</v>
      </c>
      <c r="B1467" s="4" t="s">
        <v>337</v>
      </c>
      <c r="C1467" s="3" t="s">
        <v>233</v>
      </c>
    </row>
    <row r="1468" spans="1:3" ht="27" x14ac:dyDescent="0.15">
      <c r="A1468" s="3">
        <v>2008400285</v>
      </c>
      <c r="B1468" s="4" t="s">
        <v>338</v>
      </c>
      <c r="C1468" s="3" t="s">
        <v>233</v>
      </c>
    </row>
    <row r="1469" spans="1:3" ht="27" x14ac:dyDescent="0.15">
      <c r="A1469" s="3">
        <v>2008400286</v>
      </c>
      <c r="B1469" s="4" t="s">
        <v>339</v>
      </c>
      <c r="C1469" s="3" t="s">
        <v>233</v>
      </c>
    </row>
    <row r="1470" spans="1:3" ht="27" x14ac:dyDescent="0.15">
      <c r="A1470" s="3">
        <v>2008400287</v>
      </c>
      <c r="B1470" s="4" t="s">
        <v>340</v>
      </c>
      <c r="C1470" s="3" t="s">
        <v>233</v>
      </c>
    </row>
    <row r="1471" spans="1:3" ht="27" x14ac:dyDescent="0.15">
      <c r="A1471" s="3">
        <v>2008400288</v>
      </c>
      <c r="B1471" s="4" t="s">
        <v>341</v>
      </c>
      <c r="C1471" s="3" t="s">
        <v>233</v>
      </c>
    </row>
    <row r="1472" spans="1:3" ht="27" x14ac:dyDescent="0.15">
      <c r="A1472" s="3">
        <v>2008400289</v>
      </c>
      <c r="B1472" s="4" t="s">
        <v>342</v>
      </c>
      <c r="C1472" s="3" t="s">
        <v>233</v>
      </c>
    </row>
    <row r="1473" spans="1:3" ht="27" x14ac:dyDescent="0.15">
      <c r="A1473" s="3">
        <v>2008400290</v>
      </c>
      <c r="B1473" s="4" t="s">
        <v>343</v>
      </c>
      <c r="C1473" s="3" t="s">
        <v>233</v>
      </c>
    </row>
    <row r="1474" spans="1:3" ht="27" x14ac:dyDescent="0.15">
      <c r="A1474" s="3">
        <v>2008400774</v>
      </c>
      <c r="B1474" s="4" t="s">
        <v>898</v>
      </c>
      <c r="C1474" s="3" t="s">
        <v>233</v>
      </c>
    </row>
    <row r="1475" spans="1:3" ht="27" x14ac:dyDescent="0.15">
      <c r="A1475" s="3">
        <v>2008400775</v>
      </c>
      <c r="B1475" s="4" t="s">
        <v>899</v>
      </c>
      <c r="C1475" s="3" t="s">
        <v>233</v>
      </c>
    </row>
    <row r="1476" spans="1:3" ht="27" x14ac:dyDescent="0.15">
      <c r="A1476" s="3">
        <v>2008400798</v>
      </c>
      <c r="B1476" s="4" t="s">
        <v>924</v>
      </c>
      <c r="C1476" s="3" t="s">
        <v>233</v>
      </c>
    </row>
    <row r="1477" spans="1:3" ht="40.5" x14ac:dyDescent="0.15">
      <c r="A1477" s="3">
        <v>2008400799</v>
      </c>
      <c r="B1477" s="4" t="s">
        <v>925</v>
      </c>
      <c r="C1477" s="3" t="s">
        <v>233</v>
      </c>
    </row>
    <row r="1478" spans="1:3" ht="27" x14ac:dyDescent="0.15">
      <c r="A1478" s="3">
        <v>2008400800</v>
      </c>
      <c r="B1478" s="4" t="s">
        <v>926</v>
      </c>
      <c r="C1478" s="3" t="s">
        <v>233</v>
      </c>
    </row>
    <row r="1479" spans="1:3" ht="27" x14ac:dyDescent="0.15">
      <c r="A1479" s="3">
        <v>2008400801</v>
      </c>
      <c r="B1479" s="4" t="s">
        <v>927</v>
      </c>
      <c r="C1479" s="3" t="s">
        <v>233</v>
      </c>
    </row>
    <row r="1480" spans="1:3" ht="27" x14ac:dyDescent="0.15">
      <c r="A1480" s="3">
        <v>2008400839</v>
      </c>
      <c r="B1480" s="4" t="s">
        <v>339</v>
      </c>
      <c r="C1480" s="3" t="s">
        <v>233</v>
      </c>
    </row>
    <row r="1481" spans="1:3" ht="27" x14ac:dyDescent="0.15">
      <c r="A1481" s="3">
        <v>2008400840</v>
      </c>
      <c r="B1481" s="4" t="s">
        <v>974</v>
      </c>
      <c r="C1481" s="3" t="s">
        <v>233</v>
      </c>
    </row>
    <row r="1482" spans="1:3" ht="27" x14ac:dyDescent="0.15">
      <c r="A1482" s="3">
        <v>2011411468</v>
      </c>
      <c r="B1482" s="4" t="s">
        <v>234</v>
      </c>
      <c r="C1482" s="3" t="s">
        <v>233</v>
      </c>
    </row>
    <row r="1483" spans="1:3" ht="27" x14ac:dyDescent="0.15">
      <c r="A1483" s="3">
        <v>2011411469</v>
      </c>
      <c r="B1483" s="4" t="s">
        <v>2880</v>
      </c>
      <c r="C1483" s="3" t="s">
        <v>233</v>
      </c>
    </row>
    <row r="1484" spans="1:3" ht="27" x14ac:dyDescent="0.15">
      <c r="A1484" s="3">
        <v>2011411470</v>
      </c>
      <c r="B1484" s="4" t="s">
        <v>2881</v>
      </c>
      <c r="C1484" s="3" t="s">
        <v>233</v>
      </c>
    </row>
    <row r="1485" spans="1:3" ht="27" x14ac:dyDescent="0.15">
      <c r="A1485" s="3">
        <v>2011411471</v>
      </c>
      <c r="B1485" s="4" t="s">
        <v>2882</v>
      </c>
      <c r="C1485" s="3" t="s">
        <v>233</v>
      </c>
    </row>
    <row r="1486" spans="1:3" ht="27" x14ac:dyDescent="0.15">
      <c r="A1486" s="3">
        <v>2011411472</v>
      </c>
      <c r="B1486" s="4" t="s">
        <v>2883</v>
      </c>
      <c r="C1486" s="3" t="s">
        <v>233</v>
      </c>
    </row>
    <row r="1487" spans="1:3" ht="27" x14ac:dyDescent="0.15">
      <c r="A1487" s="3">
        <v>2011411473</v>
      </c>
      <c r="B1487" s="4" t="s">
        <v>2884</v>
      </c>
      <c r="C1487" s="3" t="s">
        <v>233</v>
      </c>
    </row>
    <row r="1488" spans="1:3" ht="27" x14ac:dyDescent="0.15">
      <c r="A1488" s="3">
        <v>2011411474</v>
      </c>
      <c r="B1488" s="4" t="s">
        <v>2885</v>
      </c>
      <c r="C1488" s="3" t="s">
        <v>233</v>
      </c>
    </row>
    <row r="1489" spans="1:3" x14ac:dyDescent="0.15">
      <c r="A1489" s="3">
        <v>2011411479</v>
      </c>
      <c r="B1489" s="4" t="s">
        <v>2894</v>
      </c>
      <c r="C1489" s="3" t="s">
        <v>233</v>
      </c>
    </row>
    <row r="1490" spans="1:3" ht="27" x14ac:dyDescent="0.15">
      <c r="A1490" s="3">
        <v>2011411480</v>
      </c>
      <c r="B1490" s="4" t="s">
        <v>2895</v>
      </c>
      <c r="C1490" s="3" t="s">
        <v>233</v>
      </c>
    </row>
    <row r="1491" spans="1:3" ht="27" x14ac:dyDescent="0.15">
      <c r="A1491" s="3">
        <v>2011411481</v>
      </c>
      <c r="B1491" s="4" t="s">
        <v>2896</v>
      </c>
      <c r="C1491" s="3" t="s">
        <v>233</v>
      </c>
    </row>
    <row r="1492" spans="1:3" ht="27" x14ac:dyDescent="0.15">
      <c r="A1492" s="3">
        <v>2011411482</v>
      </c>
      <c r="B1492" s="4" t="s">
        <v>2897</v>
      </c>
      <c r="C1492" s="3" t="s">
        <v>233</v>
      </c>
    </row>
    <row r="1493" spans="1:3" x14ac:dyDescent="0.15">
      <c r="A1493" s="3">
        <v>2011411483</v>
      </c>
      <c r="B1493" s="4" t="s">
        <v>2898</v>
      </c>
      <c r="C1493" s="3" t="s">
        <v>233</v>
      </c>
    </row>
    <row r="1494" spans="1:3" ht="27" x14ac:dyDescent="0.15">
      <c r="A1494" s="3">
        <v>2011411484</v>
      </c>
      <c r="B1494" s="4" t="s">
        <v>2899</v>
      </c>
      <c r="C1494" s="3" t="s">
        <v>233</v>
      </c>
    </row>
    <row r="1495" spans="1:3" ht="27" x14ac:dyDescent="0.15">
      <c r="A1495" s="3">
        <v>2011411485</v>
      </c>
      <c r="B1495" s="4" t="s">
        <v>2900</v>
      </c>
      <c r="C1495" s="3" t="s">
        <v>233</v>
      </c>
    </row>
    <row r="1496" spans="1:3" ht="27" x14ac:dyDescent="0.15">
      <c r="A1496" s="3">
        <v>2011411486</v>
      </c>
      <c r="B1496" s="4" t="s">
        <v>238</v>
      </c>
      <c r="C1496" s="3" t="s">
        <v>233</v>
      </c>
    </row>
    <row r="1497" spans="1:3" ht="27" x14ac:dyDescent="0.15">
      <c r="A1497" s="3">
        <v>2011411487</v>
      </c>
      <c r="B1497" s="4" t="s">
        <v>236</v>
      </c>
      <c r="C1497" s="3" t="s">
        <v>233</v>
      </c>
    </row>
    <row r="1498" spans="1:3" ht="27" x14ac:dyDescent="0.15">
      <c r="A1498" s="3">
        <v>2011411488</v>
      </c>
      <c r="B1498" s="4" t="s">
        <v>2901</v>
      </c>
      <c r="C1498" s="3" t="s">
        <v>233</v>
      </c>
    </row>
    <row r="1499" spans="1:3" ht="27" x14ac:dyDescent="0.15">
      <c r="A1499" s="3">
        <v>2011411489</v>
      </c>
      <c r="B1499" s="4" t="s">
        <v>2880</v>
      </c>
      <c r="C1499" s="3" t="s">
        <v>233</v>
      </c>
    </row>
    <row r="1500" spans="1:3" ht="27" x14ac:dyDescent="0.15">
      <c r="A1500" s="3">
        <v>2011411490</v>
      </c>
      <c r="B1500" s="4" t="s">
        <v>2902</v>
      </c>
      <c r="C1500" s="3" t="s">
        <v>233</v>
      </c>
    </row>
    <row r="1501" spans="1:3" ht="27" x14ac:dyDescent="0.15">
      <c r="A1501" s="3">
        <v>2011411491</v>
      </c>
      <c r="B1501" s="4" t="s">
        <v>2899</v>
      </c>
      <c r="C1501" s="3" t="s">
        <v>233</v>
      </c>
    </row>
    <row r="1502" spans="1:3" ht="27" x14ac:dyDescent="0.15">
      <c r="A1502" s="3">
        <v>2011411492</v>
      </c>
      <c r="B1502" s="4" t="s">
        <v>2903</v>
      </c>
      <c r="C1502" s="3" t="s">
        <v>233</v>
      </c>
    </row>
    <row r="1503" spans="1:3" ht="27" x14ac:dyDescent="0.15">
      <c r="A1503" s="3">
        <v>2011411641</v>
      </c>
      <c r="B1503" s="4" t="s">
        <v>3094</v>
      </c>
      <c r="C1503" s="3" t="s">
        <v>233</v>
      </c>
    </row>
    <row r="1504" spans="1:3" ht="27" x14ac:dyDescent="0.15">
      <c r="A1504" s="3">
        <v>2011411642</v>
      </c>
      <c r="B1504" s="4" t="s">
        <v>3095</v>
      </c>
      <c r="C1504" s="3" t="s">
        <v>233</v>
      </c>
    </row>
    <row r="1505" spans="1:3" ht="27" x14ac:dyDescent="0.15">
      <c r="A1505" s="3">
        <v>2011411643</v>
      </c>
      <c r="B1505" s="4" t="s">
        <v>3096</v>
      </c>
      <c r="C1505" s="3" t="s">
        <v>233</v>
      </c>
    </row>
    <row r="1506" spans="1:3" ht="27" x14ac:dyDescent="0.15">
      <c r="A1506" s="3">
        <v>2011411644</v>
      </c>
      <c r="B1506" s="4" t="s">
        <v>3097</v>
      </c>
      <c r="C1506" s="3" t="s">
        <v>233</v>
      </c>
    </row>
    <row r="1507" spans="1:3" ht="27" x14ac:dyDescent="0.15">
      <c r="A1507" s="3">
        <v>2011411645</v>
      </c>
      <c r="B1507" s="4" t="s">
        <v>3098</v>
      </c>
      <c r="C1507" s="3" t="s">
        <v>233</v>
      </c>
    </row>
    <row r="1508" spans="1:3" ht="27" x14ac:dyDescent="0.15">
      <c r="A1508" s="3">
        <v>2011411646</v>
      </c>
      <c r="B1508" s="4" t="s">
        <v>3099</v>
      </c>
      <c r="C1508" s="3" t="s">
        <v>233</v>
      </c>
    </row>
    <row r="1509" spans="1:3" ht="27" x14ac:dyDescent="0.15">
      <c r="A1509" s="3">
        <v>2011411647</v>
      </c>
      <c r="B1509" s="4" t="s">
        <v>3100</v>
      </c>
      <c r="C1509" s="3" t="s">
        <v>233</v>
      </c>
    </row>
    <row r="1510" spans="1:3" ht="27" x14ac:dyDescent="0.15">
      <c r="A1510" s="3">
        <v>2011411648</v>
      </c>
      <c r="B1510" s="4" t="s">
        <v>3101</v>
      </c>
      <c r="C1510" s="3" t="s">
        <v>233</v>
      </c>
    </row>
    <row r="1511" spans="1:3" ht="27" x14ac:dyDescent="0.15">
      <c r="A1511" s="3">
        <v>2011411649</v>
      </c>
      <c r="B1511" s="4" t="s">
        <v>3102</v>
      </c>
      <c r="C1511" s="3" t="s">
        <v>233</v>
      </c>
    </row>
    <row r="1512" spans="1:3" ht="27" x14ac:dyDescent="0.15">
      <c r="A1512" s="3">
        <v>2011411650</v>
      </c>
      <c r="B1512" s="4" t="s">
        <v>3103</v>
      </c>
      <c r="C1512" s="3" t="s">
        <v>233</v>
      </c>
    </row>
    <row r="1513" spans="1:3" ht="27" x14ac:dyDescent="0.15">
      <c r="A1513" s="3">
        <v>2011411651</v>
      </c>
      <c r="B1513" s="4" t="s">
        <v>3104</v>
      </c>
      <c r="C1513" s="3" t="s">
        <v>233</v>
      </c>
    </row>
    <row r="1514" spans="1:3" ht="27" x14ac:dyDescent="0.15">
      <c r="A1514" s="3">
        <v>2011411652</v>
      </c>
      <c r="B1514" s="4" t="s">
        <v>3105</v>
      </c>
      <c r="C1514" s="3" t="s">
        <v>233</v>
      </c>
    </row>
    <row r="1515" spans="1:3" ht="27" x14ac:dyDescent="0.15">
      <c r="A1515" s="3">
        <v>2011411653</v>
      </c>
      <c r="B1515" s="4" t="s">
        <v>3106</v>
      </c>
      <c r="C1515" s="3" t="s">
        <v>233</v>
      </c>
    </row>
    <row r="1516" spans="1:3" ht="27" x14ac:dyDescent="0.15">
      <c r="A1516" s="3">
        <v>2011411654</v>
      </c>
      <c r="B1516" s="4" t="s">
        <v>3107</v>
      </c>
      <c r="C1516" s="3" t="s">
        <v>233</v>
      </c>
    </row>
    <row r="1517" spans="1:3" ht="27" x14ac:dyDescent="0.15">
      <c r="A1517" s="3">
        <v>2011411655</v>
      </c>
      <c r="B1517" s="4" t="s">
        <v>3108</v>
      </c>
      <c r="C1517" s="3" t="s">
        <v>233</v>
      </c>
    </row>
    <row r="1518" spans="1:3" ht="27" x14ac:dyDescent="0.15">
      <c r="A1518" s="3">
        <v>2011411656</v>
      </c>
      <c r="B1518" s="4" t="s">
        <v>3109</v>
      </c>
      <c r="C1518" s="3" t="s">
        <v>233</v>
      </c>
    </row>
    <row r="1519" spans="1:3" ht="27" x14ac:dyDescent="0.15">
      <c r="A1519" s="3">
        <v>2011411657</v>
      </c>
      <c r="B1519" s="4" t="s">
        <v>3110</v>
      </c>
      <c r="C1519" s="3" t="s">
        <v>233</v>
      </c>
    </row>
    <row r="1520" spans="1:3" ht="27" x14ac:dyDescent="0.15">
      <c r="A1520" s="3">
        <v>2011411658</v>
      </c>
      <c r="B1520" s="4" t="s">
        <v>3110</v>
      </c>
      <c r="C1520" s="3" t="s">
        <v>233</v>
      </c>
    </row>
    <row r="1521" spans="1:3" ht="27" x14ac:dyDescent="0.15">
      <c r="A1521" s="3">
        <v>2011411659</v>
      </c>
      <c r="B1521" s="4" t="s">
        <v>3111</v>
      </c>
      <c r="C1521" s="3" t="s">
        <v>233</v>
      </c>
    </row>
    <row r="1522" spans="1:3" ht="27" x14ac:dyDescent="0.15">
      <c r="A1522" s="3">
        <v>2011411660</v>
      </c>
      <c r="B1522" s="4" t="s">
        <v>3111</v>
      </c>
      <c r="C1522" s="3" t="s">
        <v>233</v>
      </c>
    </row>
    <row r="1523" spans="1:3" ht="27" x14ac:dyDescent="0.15">
      <c r="A1523" s="3">
        <v>2011411661</v>
      </c>
      <c r="B1523" s="4" t="s">
        <v>3112</v>
      </c>
      <c r="C1523" s="3" t="s">
        <v>233</v>
      </c>
    </row>
    <row r="1524" spans="1:3" ht="27" x14ac:dyDescent="0.15">
      <c r="A1524" s="3">
        <v>2011411662</v>
      </c>
      <c r="B1524" s="4" t="s">
        <v>3113</v>
      </c>
      <c r="C1524" s="3" t="s">
        <v>233</v>
      </c>
    </row>
    <row r="1525" spans="1:3" ht="27" x14ac:dyDescent="0.15">
      <c r="A1525" s="3">
        <v>2011411663</v>
      </c>
      <c r="B1525" s="4" t="s">
        <v>3113</v>
      </c>
      <c r="C1525" s="3" t="s">
        <v>233</v>
      </c>
    </row>
    <row r="1526" spans="1:3" ht="27" x14ac:dyDescent="0.15">
      <c r="A1526" s="3">
        <v>2011411664</v>
      </c>
      <c r="B1526" s="4" t="s">
        <v>3114</v>
      </c>
      <c r="C1526" s="3" t="s">
        <v>233</v>
      </c>
    </row>
    <row r="1527" spans="1:3" ht="27" x14ac:dyDescent="0.15">
      <c r="A1527" s="3">
        <v>2011411665</v>
      </c>
      <c r="B1527" s="4" t="s">
        <v>3115</v>
      </c>
      <c r="C1527" s="3" t="s">
        <v>233</v>
      </c>
    </row>
    <row r="1528" spans="1:3" ht="27" x14ac:dyDescent="0.15">
      <c r="A1528" s="3">
        <v>2011411666</v>
      </c>
      <c r="B1528" s="4" t="s">
        <v>3115</v>
      </c>
      <c r="C1528" s="3" t="s">
        <v>233</v>
      </c>
    </row>
    <row r="1529" spans="1:3" ht="27" x14ac:dyDescent="0.15">
      <c r="A1529" s="3">
        <v>2011411667</v>
      </c>
      <c r="B1529" s="4" t="s">
        <v>3116</v>
      </c>
      <c r="C1529" s="3" t="s">
        <v>233</v>
      </c>
    </row>
    <row r="1530" spans="1:3" ht="27" x14ac:dyDescent="0.15">
      <c r="A1530" s="3">
        <v>2011411668</v>
      </c>
      <c r="B1530" s="4" t="s">
        <v>3117</v>
      </c>
      <c r="C1530" s="3" t="s">
        <v>233</v>
      </c>
    </row>
    <row r="1531" spans="1:3" ht="27" x14ac:dyDescent="0.15">
      <c r="A1531" s="3">
        <v>2011411669</v>
      </c>
      <c r="B1531" s="4" t="s">
        <v>3118</v>
      </c>
      <c r="C1531" s="3" t="s">
        <v>233</v>
      </c>
    </row>
    <row r="1532" spans="1:3" ht="27" x14ac:dyDescent="0.15">
      <c r="A1532" s="3">
        <v>2011411670</v>
      </c>
      <c r="B1532" s="4" t="s">
        <v>3119</v>
      </c>
      <c r="C1532" s="3" t="s">
        <v>233</v>
      </c>
    </row>
    <row r="1533" spans="1:3" ht="27" x14ac:dyDescent="0.15">
      <c r="A1533" s="3">
        <v>2011411671</v>
      </c>
      <c r="B1533" s="4" t="s">
        <v>3120</v>
      </c>
      <c r="C1533" s="3" t="s">
        <v>233</v>
      </c>
    </row>
    <row r="1534" spans="1:3" ht="27" x14ac:dyDescent="0.15">
      <c r="A1534" s="3">
        <v>2011411672</v>
      </c>
      <c r="B1534" s="4" t="s">
        <v>3121</v>
      </c>
      <c r="C1534" s="3" t="s">
        <v>233</v>
      </c>
    </row>
    <row r="1535" spans="1:3" ht="27" x14ac:dyDescent="0.15">
      <c r="A1535" s="3">
        <v>2011411673</v>
      </c>
      <c r="B1535" s="4" t="s">
        <v>3122</v>
      </c>
      <c r="C1535" s="3" t="s">
        <v>233</v>
      </c>
    </row>
    <row r="1536" spans="1:3" ht="27" x14ac:dyDescent="0.15">
      <c r="A1536" s="3">
        <v>2011411674</v>
      </c>
      <c r="B1536" s="4" t="s">
        <v>3122</v>
      </c>
      <c r="C1536" s="3" t="s">
        <v>233</v>
      </c>
    </row>
    <row r="1537" spans="1:3" ht="27" x14ac:dyDescent="0.15">
      <c r="A1537" s="3">
        <v>2011411675</v>
      </c>
      <c r="B1537" s="4" t="s">
        <v>3123</v>
      </c>
      <c r="C1537" s="3" t="s">
        <v>233</v>
      </c>
    </row>
    <row r="1538" spans="1:3" ht="27" x14ac:dyDescent="0.15">
      <c r="A1538" s="3">
        <v>2011411676</v>
      </c>
      <c r="B1538" s="4" t="s">
        <v>3124</v>
      </c>
      <c r="C1538" s="3" t="s">
        <v>233</v>
      </c>
    </row>
    <row r="1539" spans="1:3" ht="27" x14ac:dyDescent="0.15">
      <c r="A1539" s="3">
        <v>2011411677</v>
      </c>
      <c r="B1539" s="4" t="s">
        <v>3125</v>
      </c>
      <c r="C1539" s="3" t="s">
        <v>233</v>
      </c>
    </row>
    <row r="1540" spans="1:3" ht="27" x14ac:dyDescent="0.15">
      <c r="A1540" s="3">
        <v>2011411678</v>
      </c>
      <c r="B1540" s="4" t="s">
        <v>3126</v>
      </c>
      <c r="C1540" s="3" t="s">
        <v>233</v>
      </c>
    </row>
    <row r="1541" spans="1:3" ht="27" x14ac:dyDescent="0.15">
      <c r="A1541" s="3">
        <v>2011411679</v>
      </c>
      <c r="B1541" s="4" t="s">
        <v>3127</v>
      </c>
      <c r="C1541" s="3" t="s">
        <v>233</v>
      </c>
    </row>
    <row r="1542" spans="1:3" ht="27" x14ac:dyDescent="0.15">
      <c r="A1542" s="3">
        <v>2011411680</v>
      </c>
      <c r="B1542" s="4" t="s">
        <v>3128</v>
      </c>
      <c r="C1542" s="3" t="s">
        <v>233</v>
      </c>
    </row>
    <row r="1543" spans="1:3" ht="27" x14ac:dyDescent="0.15">
      <c r="A1543" s="3">
        <v>2011411681</v>
      </c>
      <c r="B1543" s="4" t="s">
        <v>3128</v>
      </c>
      <c r="C1543" s="3" t="s">
        <v>233</v>
      </c>
    </row>
    <row r="1544" spans="1:3" ht="27" x14ac:dyDescent="0.15">
      <c r="A1544" s="3">
        <v>2011411682</v>
      </c>
      <c r="B1544" s="4" t="s">
        <v>3129</v>
      </c>
      <c r="C1544" s="3" t="s">
        <v>233</v>
      </c>
    </row>
    <row r="1545" spans="1:3" ht="27" x14ac:dyDescent="0.15">
      <c r="A1545" s="3">
        <v>2011411683</v>
      </c>
      <c r="B1545" s="4" t="s">
        <v>3130</v>
      </c>
      <c r="C1545" s="3" t="s">
        <v>233</v>
      </c>
    </row>
    <row r="1546" spans="1:3" ht="27" x14ac:dyDescent="0.15">
      <c r="A1546" s="3">
        <v>2011411684</v>
      </c>
      <c r="B1546" s="4" t="s">
        <v>3131</v>
      </c>
      <c r="C1546" s="3" t="s">
        <v>233</v>
      </c>
    </row>
    <row r="1547" spans="1:3" ht="27" x14ac:dyDescent="0.15">
      <c r="A1547" s="3">
        <v>2011411685</v>
      </c>
      <c r="B1547" s="4" t="s">
        <v>3132</v>
      </c>
      <c r="C1547" s="3" t="s">
        <v>233</v>
      </c>
    </row>
    <row r="1548" spans="1:3" ht="27" x14ac:dyDescent="0.15">
      <c r="A1548" s="3">
        <v>2011411686</v>
      </c>
      <c r="B1548" s="4" t="s">
        <v>3133</v>
      </c>
      <c r="C1548" s="3" t="s">
        <v>233</v>
      </c>
    </row>
    <row r="1549" spans="1:3" ht="27" x14ac:dyDescent="0.15">
      <c r="A1549" s="3">
        <v>2011411687</v>
      </c>
      <c r="B1549" s="4" t="s">
        <v>3134</v>
      </c>
      <c r="C1549" s="3" t="s">
        <v>233</v>
      </c>
    </row>
    <row r="1550" spans="1:3" ht="27" x14ac:dyDescent="0.15">
      <c r="A1550" s="3">
        <v>2011411688</v>
      </c>
      <c r="B1550" s="4" t="s">
        <v>3134</v>
      </c>
      <c r="C1550" s="3" t="s">
        <v>233</v>
      </c>
    </row>
    <row r="1551" spans="1:3" ht="27" x14ac:dyDescent="0.15">
      <c r="A1551" s="3">
        <v>2011411689</v>
      </c>
      <c r="B1551" s="4" t="s">
        <v>3134</v>
      </c>
      <c r="C1551" s="3" t="s">
        <v>233</v>
      </c>
    </row>
    <row r="1552" spans="1:3" ht="27" x14ac:dyDescent="0.15">
      <c r="A1552" s="3">
        <v>2011411690</v>
      </c>
      <c r="B1552" s="4" t="s">
        <v>3135</v>
      </c>
      <c r="C1552" s="3" t="s">
        <v>233</v>
      </c>
    </row>
    <row r="1553" spans="1:3" ht="27" x14ac:dyDescent="0.15">
      <c r="A1553" s="3">
        <v>2011411691</v>
      </c>
      <c r="B1553" s="4" t="s">
        <v>3136</v>
      </c>
      <c r="C1553" s="3" t="s">
        <v>233</v>
      </c>
    </row>
    <row r="1554" spans="1:3" ht="27" x14ac:dyDescent="0.15">
      <c r="A1554" s="3">
        <v>2011411692</v>
      </c>
      <c r="B1554" s="4" t="s">
        <v>3137</v>
      </c>
      <c r="C1554" s="3" t="s">
        <v>233</v>
      </c>
    </row>
    <row r="1555" spans="1:3" ht="27" x14ac:dyDescent="0.15">
      <c r="A1555" s="3">
        <v>2011411693</v>
      </c>
      <c r="B1555" s="4" t="s">
        <v>3138</v>
      </c>
      <c r="C1555" s="3" t="s">
        <v>233</v>
      </c>
    </row>
    <row r="1556" spans="1:3" ht="27" x14ac:dyDescent="0.15">
      <c r="A1556" s="3">
        <v>2011411694</v>
      </c>
      <c r="B1556" s="4" t="s">
        <v>3139</v>
      </c>
      <c r="C1556" s="3" t="s">
        <v>233</v>
      </c>
    </row>
    <row r="1557" spans="1:3" ht="27" x14ac:dyDescent="0.15">
      <c r="A1557" s="3">
        <v>2011411695</v>
      </c>
      <c r="B1557" s="4" t="s">
        <v>3140</v>
      </c>
      <c r="C1557" s="3" t="s">
        <v>233</v>
      </c>
    </row>
    <row r="1558" spans="1:3" ht="27" x14ac:dyDescent="0.15">
      <c r="A1558" s="3">
        <v>2011411696</v>
      </c>
      <c r="B1558" s="4" t="s">
        <v>3140</v>
      </c>
      <c r="C1558" s="3" t="s">
        <v>233</v>
      </c>
    </row>
    <row r="1559" spans="1:3" ht="27" x14ac:dyDescent="0.15">
      <c r="A1559" s="3">
        <v>2011411697</v>
      </c>
      <c r="B1559" s="4" t="s">
        <v>3141</v>
      </c>
      <c r="C1559" s="3" t="s">
        <v>233</v>
      </c>
    </row>
    <row r="1560" spans="1:3" ht="27" x14ac:dyDescent="0.15">
      <c r="A1560" s="3">
        <v>2011411698</v>
      </c>
      <c r="B1560" s="4" t="s">
        <v>3142</v>
      </c>
      <c r="C1560" s="3" t="s">
        <v>233</v>
      </c>
    </row>
    <row r="1561" spans="1:3" ht="27" x14ac:dyDescent="0.15">
      <c r="A1561" s="3">
        <v>2011411699</v>
      </c>
      <c r="B1561" s="4" t="s">
        <v>3143</v>
      </c>
      <c r="C1561" s="3" t="s">
        <v>233</v>
      </c>
    </row>
    <row r="1562" spans="1:3" ht="27" x14ac:dyDescent="0.15">
      <c r="A1562" s="3">
        <v>2011411700</v>
      </c>
      <c r="B1562" s="4" t="s">
        <v>3144</v>
      </c>
      <c r="C1562" s="3" t="s">
        <v>233</v>
      </c>
    </row>
    <row r="1563" spans="1:3" ht="27" x14ac:dyDescent="0.15">
      <c r="A1563" s="3">
        <v>2011411701</v>
      </c>
      <c r="B1563" s="4" t="s">
        <v>3145</v>
      </c>
      <c r="C1563" s="3" t="s">
        <v>233</v>
      </c>
    </row>
    <row r="1564" spans="1:3" ht="27" x14ac:dyDescent="0.15">
      <c r="A1564" s="3">
        <v>2011411702</v>
      </c>
      <c r="B1564" s="4" t="s">
        <v>3146</v>
      </c>
      <c r="C1564" s="3" t="s">
        <v>233</v>
      </c>
    </row>
    <row r="1565" spans="1:3" ht="27" x14ac:dyDescent="0.15">
      <c r="A1565" s="3">
        <v>2011411703</v>
      </c>
      <c r="B1565" s="4" t="s">
        <v>3147</v>
      </c>
      <c r="C1565" s="3" t="s">
        <v>233</v>
      </c>
    </row>
    <row r="1566" spans="1:3" ht="27" x14ac:dyDescent="0.15">
      <c r="A1566" s="3">
        <v>2011411704</v>
      </c>
      <c r="B1566" s="4" t="s">
        <v>3148</v>
      </c>
      <c r="C1566" s="3" t="s">
        <v>233</v>
      </c>
    </row>
    <row r="1567" spans="1:3" ht="27" x14ac:dyDescent="0.15">
      <c r="A1567" s="3">
        <v>2011411705</v>
      </c>
      <c r="B1567" s="4" t="s">
        <v>3149</v>
      </c>
      <c r="C1567" s="3" t="s">
        <v>233</v>
      </c>
    </row>
    <row r="1568" spans="1:3" ht="27" x14ac:dyDescent="0.15">
      <c r="A1568" s="3">
        <v>2011411706</v>
      </c>
      <c r="B1568" s="4" t="s">
        <v>3149</v>
      </c>
      <c r="C1568" s="3" t="s">
        <v>233</v>
      </c>
    </row>
    <row r="1569" spans="1:3" ht="27" x14ac:dyDescent="0.15">
      <c r="A1569" s="3">
        <v>2011411707</v>
      </c>
      <c r="B1569" s="4" t="s">
        <v>3150</v>
      </c>
      <c r="C1569" s="3" t="s">
        <v>233</v>
      </c>
    </row>
    <row r="1570" spans="1:3" ht="27" x14ac:dyDescent="0.15">
      <c r="A1570" s="3">
        <v>2011411708</v>
      </c>
      <c r="B1570" s="4" t="s">
        <v>3151</v>
      </c>
      <c r="C1570" s="3" t="s">
        <v>233</v>
      </c>
    </row>
    <row r="1571" spans="1:3" ht="27" x14ac:dyDescent="0.15">
      <c r="A1571" s="3">
        <v>2011411709</v>
      </c>
      <c r="B1571" s="4" t="s">
        <v>3151</v>
      </c>
      <c r="C1571" s="3" t="s">
        <v>233</v>
      </c>
    </row>
    <row r="1572" spans="1:3" ht="27" x14ac:dyDescent="0.15">
      <c r="A1572" s="3">
        <v>2011411710</v>
      </c>
      <c r="B1572" s="4" t="s">
        <v>3152</v>
      </c>
      <c r="C1572" s="3" t="s">
        <v>233</v>
      </c>
    </row>
    <row r="1573" spans="1:3" ht="27" x14ac:dyDescent="0.15">
      <c r="A1573" s="3">
        <v>2011411711</v>
      </c>
      <c r="B1573" s="4" t="s">
        <v>3153</v>
      </c>
      <c r="C1573" s="3" t="s">
        <v>233</v>
      </c>
    </row>
    <row r="1574" spans="1:3" ht="27" x14ac:dyDescent="0.15">
      <c r="A1574" s="3">
        <v>2011411712</v>
      </c>
      <c r="B1574" s="4" t="s">
        <v>3154</v>
      </c>
      <c r="C1574" s="3" t="s">
        <v>233</v>
      </c>
    </row>
    <row r="1575" spans="1:3" ht="27" x14ac:dyDescent="0.15">
      <c r="A1575" s="3">
        <v>2011411713</v>
      </c>
      <c r="B1575" s="4" t="s">
        <v>3155</v>
      </c>
      <c r="C1575" s="3" t="s">
        <v>233</v>
      </c>
    </row>
    <row r="1576" spans="1:3" ht="27" x14ac:dyDescent="0.15">
      <c r="A1576" s="3">
        <v>2011411714</v>
      </c>
      <c r="B1576" s="4" t="s">
        <v>3156</v>
      </c>
      <c r="C1576" s="3" t="s">
        <v>233</v>
      </c>
    </row>
    <row r="1577" spans="1:3" ht="27" x14ac:dyDescent="0.15">
      <c r="A1577" s="3">
        <v>2011411715</v>
      </c>
      <c r="B1577" s="4" t="s">
        <v>3157</v>
      </c>
      <c r="C1577" s="3" t="s">
        <v>233</v>
      </c>
    </row>
    <row r="1578" spans="1:3" ht="27" x14ac:dyDescent="0.15">
      <c r="A1578" s="3">
        <v>2011411716</v>
      </c>
      <c r="B1578" s="4" t="s">
        <v>3158</v>
      </c>
      <c r="C1578" s="3" t="s">
        <v>233</v>
      </c>
    </row>
    <row r="1579" spans="1:3" ht="27" x14ac:dyDescent="0.15">
      <c r="A1579" s="3">
        <v>2011411717</v>
      </c>
      <c r="B1579" s="4" t="s">
        <v>3159</v>
      </c>
      <c r="C1579" s="3" t="s">
        <v>233</v>
      </c>
    </row>
    <row r="1580" spans="1:3" ht="27" x14ac:dyDescent="0.15">
      <c r="A1580" s="3">
        <v>2011411718</v>
      </c>
      <c r="B1580" s="4" t="s">
        <v>3159</v>
      </c>
      <c r="C1580" s="3" t="s">
        <v>233</v>
      </c>
    </row>
    <row r="1581" spans="1:3" ht="27" x14ac:dyDescent="0.15">
      <c r="A1581" s="3">
        <v>2011411719</v>
      </c>
      <c r="B1581" s="4" t="s">
        <v>3160</v>
      </c>
      <c r="C1581" s="3" t="s">
        <v>233</v>
      </c>
    </row>
    <row r="1582" spans="1:3" ht="27" x14ac:dyDescent="0.15">
      <c r="A1582" s="3">
        <v>2011411720</v>
      </c>
      <c r="B1582" s="4" t="s">
        <v>3161</v>
      </c>
      <c r="C1582" s="3" t="s">
        <v>233</v>
      </c>
    </row>
    <row r="1583" spans="1:3" ht="27" x14ac:dyDescent="0.15">
      <c r="A1583" s="3">
        <v>2011411721</v>
      </c>
      <c r="B1583" s="4" t="s">
        <v>3162</v>
      </c>
      <c r="C1583" s="3" t="s">
        <v>233</v>
      </c>
    </row>
    <row r="1584" spans="1:3" ht="27" x14ac:dyDescent="0.15">
      <c r="A1584" s="3">
        <v>2011411722</v>
      </c>
      <c r="B1584" s="4" t="s">
        <v>3163</v>
      </c>
      <c r="C1584" s="3" t="s">
        <v>233</v>
      </c>
    </row>
    <row r="1585" spans="1:3" ht="27" x14ac:dyDescent="0.15">
      <c r="A1585" s="3">
        <v>2011411723</v>
      </c>
      <c r="B1585" s="4" t="s">
        <v>3163</v>
      </c>
      <c r="C1585" s="3" t="s">
        <v>233</v>
      </c>
    </row>
    <row r="1586" spans="1:3" ht="27" x14ac:dyDescent="0.15">
      <c r="A1586" s="3">
        <v>2011411724</v>
      </c>
      <c r="B1586" s="4" t="s">
        <v>3164</v>
      </c>
      <c r="C1586" s="3" t="s">
        <v>233</v>
      </c>
    </row>
    <row r="1587" spans="1:3" ht="27" x14ac:dyDescent="0.15">
      <c r="A1587" s="3">
        <v>2011411725</v>
      </c>
      <c r="B1587" s="4" t="s">
        <v>3165</v>
      </c>
      <c r="C1587" s="3" t="s">
        <v>233</v>
      </c>
    </row>
    <row r="1588" spans="1:3" ht="27" x14ac:dyDescent="0.15">
      <c r="A1588" s="3">
        <v>2011411726</v>
      </c>
      <c r="B1588" s="4" t="s">
        <v>3166</v>
      </c>
      <c r="C1588" s="3" t="s">
        <v>233</v>
      </c>
    </row>
    <row r="1589" spans="1:3" ht="27" x14ac:dyDescent="0.15">
      <c r="A1589" s="3">
        <v>2011411727</v>
      </c>
      <c r="B1589" s="4" t="s">
        <v>3167</v>
      </c>
      <c r="C1589" s="3" t="s">
        <v>233</v>
      </c>
    </row>
    <row r="1590" spans="1:3" ht="27" x14ac:dyDescent="0.15">
      <c r="A1590" s="3">
        <v>2011411728</v>
      </c>
      <c r="B1590" s="4" t="s">
        <v>3168</v>
      </c>
      <c r="C1590" s="3" t="s">
        <v>233</v>
      </c>
    </row>
    <row r="1591" spans="1:3" ht="27" x14ac:dyDescent="0.15">
      <c r="A1591" s="3">
        <v>2011411729</v>
      </c>
      <c r="B1591" s="4" t="s">
        <v>3169</v>
      </c>
      <c r="C1591" s="3" t="s">
        <v>233</v>
      </c>
    </row>
    <row r="1592" spans="1:3" ht="27" x14ac:dyDescent="0.15">
      <c r="A1592" s="3">
        <v>2011411730</v>
      </c>
      <c r="B1592" s="4" t="s">
        <v>3170</v>
      </c>
      <c r="C1592" s="3" t="s">
        <v>233</v>
      </c>
    </row>
    <row r="1593" spans="1:3" ht="27" x14ac:dyDescent="0.15">
      <c r="A1593" s="3">
        <v>2011411731</v>
      </c>
      <c r="B1593" s="4" t="s">
        <v>3171</v>
      </c>
      <c r="C1593" s="3" t="s">
        <v>233</v>
      </c>
    </row>
    <row r="1594" spans="1:3" ht="27" x14ac:dyDescent="0.15">
      <c r="A1594" s="3">
        <v>2011411732</v>
      </c>
      <c r="B1594" s="4" t="s">
        <v>3172</v>
      </c>
      <c r="C1594" s="3" t="s">
        <v>233</v>
      </c>
    </row>
    <row r="1595" spans="1:3" ht="27" x14ac:dyDescent="0.15">
      <c r="A1595" s="3">
        <v>2011411733</v>
      </c>
      <c r="B1595" s="4" t="s">
        <v>3173</v>
      </c>
      <c r="C1595" s="3" t="s">
        <v>233</v>
      </c>
    </row>
    <row r="1596" spans="1:3" ht="27" x14ac:dyDescent="0.15">
      <c r="A1596" s="3">
        <v>2011411734</v>
      </c>
      <c r="B1596" s="4" t="s">
        <v>3174</v>
      </c>
      <c r="C1596" s="3" t="s">
        <v>233</v>
      </c>
    </row>
    <row r="1597" spans="1:3" ht="27" x14ac:dyDescent="0.15">
      <c r="A1597" s="3">
        <v>2011411735</v>
      </c>
      <c r="B1597" s="4" t="s">
        <v>3175</v>
      </c>
      <c r="C1597" s="3" t="s">
        <v>233</v>
      </c>
    </row>
    <row r="1598" spans="1:3" ht="27" x14ac:dyDescent="0.15">
      <c r="A1598" s="3">
        <v>2011411736</v>
      </c>
      <c r="B1598" s="4" t="s">
        <v>3176</v>
      </c>
      <c r="C1598" s="3" t="s">
        <v>233</v>
      </c>
    </row>
    <row r="1599" spans="1:3" ht="27" x14ac:dyDescent="0.15">
      <c r="A1599" s="3">
        <v>2011411737</v>
      </c>
      <c r="B1599" s="4" t="s">
        <v>3177</v>
      </c>
      <c r="C1599" s="3" t="s">
        <v>233</v>
      </c>
    </row>
    <row r="1600" spans="1:3" ht="27" x14ac:dyDescent="0.15">
      <c r="A1600" s="3">
        <v>2011411738</v>
      </c>
      <c r="B1600" s="4" t="s">
        <v>3178</v>
      </c>
      <c r="C1600" s="3" t="s">
        <v>233</v>
      </c>
    </row>
    <row r="1601" spans="1:3" ht="27" x14ac:dyDescent="0.15">
      <c r="A1601" s="3">
        <v>2011411739</v>
      </c>
      <c r="B1601" s="4" t="s">
        <v>3179</v>
      </c>
      <c r="C1601" s="3" t="s">
        <v>233</v>
      </c>
    </row>
    <row r="1602" spans="1:3" ht="27" x14ac:dyDescent="0.15">
      <c r="A1602" s="3">
        <v>2011411740</v>
      </c>
      <c r="B1602" s="4" t="s">
        <v>3180</v>
      </c>
      <c r="C1602" s="3" t="s">
        <v>233</v>
      </c>
    </row>
    <row r="1603" spans="1:3" ht="27" x14ac:dyDescent="0.15">
      <c r="A1603" s="3">
        <v>2011411741</v>
      </c>
      <c r="B1603" s="4" t="s">
        <v>3181</v>
      </c>
      <c r="C1603" s="3" t="s">
        <v>233</v>
      </c>
    </row>
    <row r="1604" spans="1:3" ht="27" x14ac:dyDescent="0.15">
      <c r="A1604" s="3">
        <v>2011411742</v>
      </c>
      <c r="B1604" s="4" t="s">
        <v>3182</v>
      </c>
      <c r="C1604" s="3" t="s">
        <v>233</v>
      </c>
    </row>
    <row r="1605" spans="1:3" ht="27" x14ac:dyDescent="0.15">
      <c r="A1605" s="3">
        <v>2011411743</v>
      </c>
      <c r="B1605" s="4" t="s">
        <v>3183</v>
      </c>
      <c r="C1605" s="3" t="s">
        <v>233</v>
      </c>
    </row>
    <row r="1606" spans="1:3" ht="27" x14ac:dyDescent="0.15">
      <c r="A1606" s="3">
        <v>2011411744</v>
      </c>
      <c r="B1606" s="4" t="s">
        <v>3184</v>
      </c>
      <c r="C1606" s="3" t="s">
        <v>233</v>
      </c>
    </row>
    <row r="1607" spans="1:3" ht="27" x14ac:dyDescent="0.15">
      <c r="A1607" s="3">
        <v>2011411745</v>
      </c>
      <c r="B1607" s="4" t="s">
        <v>3185</v>
      </c>
      <c r="C1607" s="3" t="s">
        <v>233</v>
      </c>
    </row>
    <row r="1608" spans="1:3" ht="27" x14ac:dyDescent="0.15">
      <c r="A1608" s="3">
        <v>2011411746</v>
      </c>
      <c r="B1608" s="4" t="s">
        <v>3186</v>
      </c>
      <c r="C1608" s="3" t="s">
        <v>233</v>
      </c>
    </row>
    <row r="1609" spans="1:3" ht="27" x14ac:dyDescent="0.15">
      <c r="A1609" s="3">
        <v>2011411747</v>
      </c>
      <c r="B1609" s="4" t="s">
        <v>3187</v>
      </c>
      <c r="C1609" s="3" t="s">
        <v>233</v>
      </c>
    </row>
    <row r="1610" spans="1:3" ht="27" x14ac:dyDescent="0.15">
      <c r="A1610" s="3">
        <v>2011411748</v>
      </c>
      <c r="B1610" s="4" t="s">
        <v>3188</v>
      </c>
      <c r="C1610" s="3" t="s">
        <v>233</v>
      </c>
    </row>
    <row r="1611" spans="1:3" ht="27" x14ac:dyDescent="0.15">
      <c r="A1611" s="3">
        <v>2011411749</v>
      </c>
      <c r="B1611" s="4" t="s">
        <v>3189</v>
      </c>
      <c r="C1611" s="3" t="s">
        <v>233</v>
      </c>
    </row>
    <row r="1612" spans="1:3" ht="27" x14ac:dyDescent="0.15">
      <c r="A1612" s="3">
        <v>2011411750</v>
      </c>
      <c r="B1612" s="4" t="s">
        <v>3190</v>
      </c>
      <c r="C1612" s="3" t="s">
        <v>233</v>
      </c>
    </row>
    <row r="1613" spans="1:3" ht="27" x14ac:dyDescent="0.15">
      <c r="A1613" s="3">
        <v>2011411751</v>
      </c>
      <c r="B1613" s="4" t="s">
        <v>3190</v>
      </c>
      <c r="C1613" s="3" t="s">
        <v>233</v>
      </c>
    </row>
    <row r="1614" spans="1:3" ht="27" x14ac:dyDescent="0.15">
      <c r="A1614" s="3">
        <v>2011411752</v>
      </c>
      <c r="B1614" s="4" t="s">
        <v>3191</v>
      </c>
      <c r="C1614" s="3" t="s">
        <v>233</v>
      </c>
    </row>
    <row r="1615" spans="1:3" ht="27" x14ac:dyDescent="0.15">
      <c r="A1615" s="3">
        <v>2011411753</v>
      </c>
      <c r="B1615" s="4" t="s">
        <v>3192</v>
      </c>
      <c r="C1615" s="3" t="s">
        <v>233</v>
      </c>
    </row>
    <row r="1616" spans="1:3" ht="27" x14ac:dyDescent="0.15">
      <c r="A1616" s="3">
        <v>2011411754</v>
      </c>
      <c r="B1616" s="4" t="s">
        <v>3193</v>
      </c>
      <c r="C1616" s="3" t="s">
        <v>233</v>
      </c>
    </row>
    <row r="1617" spans="1:3" ht="27" x14ac:dyDescent="0.15">
      <c r="A1617" s="3">
        <v>2011411755</v>
      </c>
      <c r="B1617" s="4" t="s">
        <v>3194</v>
      </c>
      <c r="C1617" s="3" t="s">
        <v>233</v>
      </c>
    </row>
    <row r="1618" spans="1:3" ht="27" x14ac:dyDescent="0.15">
      <c r="A1618" s="3">
        <v>2011411756</v>
      </c>
      <c r="B1618" s="4" t="s">
        <v>3195</v>
      </c>
      <c r="C1618" s="3" t="s">
        <v>233</v>
      </c>
    </row>
    <row r="1619" spans="1:3" ht="27" x14ac:dyDescent="0.15">
      <c r="A1619" s="3">
        <v>2011411757</v>
      </c>
      <c r="B1619" s="4" t="s">
        <v>3196</v>
      </c>
      <c r="C1619" s="3" t="s">
        <v>233</v>
      </c>
    </row>
    <row r="1620" spans="1:3" ht="27" x14ac:dyDescent="0.15">
      <c r="A1620" s="3">
        <v>2011411758</v>
      </c>
      <c r="B1620" s="4" t="s">
        <v>3197</v>
      </c>
      <c r="C1620" s="3" t="s">
        <v>233</v>
      </c>
    </row>
    <row r="1621" spans="1:3" ht="27" x14ac:dyDescent="0.15">
      <c r="A1621" s="3">
        <v>2011411759</v>
      </c>
      <c r="B1621" s="4" t="s">
        <v>3198</v>
      </c>
      <c r="C1621" s="3" t="s">
        <v>233</v>
      </c>
    </row>
    <row r="1622" spans="1:3" ht="27" x14ac:dyDescent="0.15">
      <c r="A1622" s="3">
        <v>2011411760</v>
      </c>
      <c r="B1622" s="4" t="s">
        <v>3199</v>
      </c>
      <c r="C1622" s="3" t="s">
        <v>233</v>
      </c>
    </row>
    <row r="1623" spans="1:3" ht="27" x14ac:dyDescent="0.15">
      <c r="A1623" s="3">
        <v>2011411768</v>
      </c>
      <c r="B1623" s="4" t="s">
        <v>3208</v>
      </c>
      <c r="C1623" s="3" t="s">
        <v>233</v>
      </c>
    </row>
    <row r="1624" spans="1:3" ht="27" x14ac:dyDescent="0.15">
      <c r="A1624" s="3">
        <v>2011411908</v>
      </c>
      <c r="B1624" s="4" t="s">
        <v>3391</v>
      </c>
      <c r="C1624" s="3" t="s">
        <v>233</v>
      </c>
    </row>
    <row r="1625" spans="1:3" ht="27" x14ac:dyDescent="0.15">
      <c r="A1625" s="3">
        <v>2011411909</v>
      </c>
      <c r="B1625" s="4" t="s">
        <v>3392</v>
      </c>
      <c r="C1625" s="3" t="s">
        <v>233</v>
      </c>
    </row>
    <row r="1626" spans="1:3" ht="27" x14ac:dyDescent="0.15">
      <c r="A1626" s="3">
        <v>2011411910</v>
      </c>
      <c r="B1626" s="4" t="s">
        <v>3393</v>
      </c>
      <c r="C1626" s="3" t="s">
        <v>233</v>
      </c>
    </row>
    <row r="1627" spans="1:3" ht="27" x14ac:dyDescent="0.15">
      <c r="A1627" s="3">
        <v>2011411911</v>
      </c>
      <c r="B1627" s="4" t="s">
        <v>3394</v>
      </c>
      <c r="C1627" s="3" t="s">
        <v>233</v>
      </c>
    </row>
    <row r="1628" spans="1:3" ht="27" x14ac:dyDescent="0.15">
      <c r="A1628" s="3">
        <v>2011411912</v>
      </c>
      <c r="B1628" s="4" t="s">
        <v>3395</v>
      </c>
      <c r="C1628" s="3" t="s">
        <v>233</v>
      </c>
    </row>
    <row r="1629" spans="1:3" x14ac:dyDescent="0.15">
      <c r="A1629" s="3">
        <v>2011411913</v>
      </c>
      <c r="B1629" s="4" t="s">
        <v>3396</v>
      </c>
      <c r="C1629" s="3" t="s">
        <v>233</v>
      </c>
    </row>
    <row r="1630" spans="1:3" ht="40.5" x14ac:dyDescent="0.15">
      <c r="A1630" s="3">
        <v>2011411914</v>
      </c>
      <c r="B1630" s="4" t="s">
        <v>3397</v>
      </c>
      <c r="C1630" s="3" t="s">
        <v>233</v>
      </c>
    </row>
    <row r="1631" spans="1:3" ht="40.5" x14ac:dyDescent="0.15">
      <c r="A1631" s="3">
        <v>2011411915</v>
      </c>
      <c r="B1631" s="4" t="s">
        <v>3398</v>
      </c>
      <c r="C1631" s="3" t="s">
        <v>233</v>
      </c>
    </row>
    <row r="1632" spans="1:3" x14ac:dyDescent="0.15">
      <c r="A1632" s="3">
        <v>2011411916</v>
      </c>
      <c r="B1632" s="4" t="s">
        <v>3399</v>
      </c>
      <c r="C1632" s="3" t="s">
        <v>233</v>
      </c>
    </row>
    <row r="1633" spans="1:3" ht="27" x14ac:dyDescent="0.15">
      <c r="A1633" s="3">
        <v>2011411770</v>
      </c>
      <c r="B1633" s="4" t="s">
        <v>3211</v>
      </c>
      <c r="C1633" s="3" t="s">
        <v>3212</v>
      </c>
    </row>
    <row r="1634" spans="1:3" ht="27" x14ac:dyDescent="0.15">
      <c r="A1634" s="3">
        <v>2011411795</v>
      </c>
      <c r="B1634" s="4" t="s">
        <v>3238</v>
      </c>
      <c r="C1634" s="3" t="s">
        <v>3239</v>
      </c>
    </row>
    <row r="1635" spans="1:3" ht="27" x14ac:dyDescent="0.15">
      <c r="A1635" s="3">
        <v>2011411796</v>
      </c>
      <c r="B1635" s="4" t="s">
        <v>3240</v>
      </c>
      <c r="C1635" s="3" t="s">
        <v>3239</v>
      </c>
    </row>
    <row r="1636" spans="1:3" ht="27" x14ac:dyDescent="0.15">
      <c r="A1636" s="3">
        <v>2011411797</v>
      </c>
      <c r="B1636" s="4" t="s">
        <v>3241</v>
      </c>
      <c r="C1636" s="3" t="s">
        <v>3239</v>
      </c>
    </row>
    <row r="1637" spans="1:3" ht="27" x14ac:dyDescent="0.15">
      <c r="A1637" s="3">
        <v>2011411798</v>
      </c>
      <c r="B1637" s="4" t="s">
        <v>3242</v>
      </c>
      <c r="C1637" s="3" t="s">
        <v>3239</v>
      </c>
    </row>
    <row r="1638" spans="1:3" ht="27" x14ac:dyDescent="0.15">
      <c r="A1638" s="3">
        <v>2011411799</v>
      </c>
      <c r="B1638" s="4" t="s">
        <v>3243</v>
      </c>
      <c r="C1638" s="3" t="s">
        <v>3239</v>
      </c>
    </row>
    <row r="1639" spans="1:3" ht="27" x14ac:dyDescent="0.15">
      <c r="A1639" s="3">
        <v>2011411803</v>
      </c>
      <c r="B1639" s="4" t="s">
        <v>3249</v>
      </c>
      <c r="C1639" s="3" t="s">
        <v>3250</v>
      </c>
    </row>
    <row r="1640" spans="1:3" ht="27" x14ac:dyDescent="0.15">
      <c r="A1640" s="3">
        <v>2011411804</v>
      </c>
      <c r="B1640" s="4" t="s">
        <v>3251</v>
      </c>
      <c r="C1640" s="3" t="s">
        <v>3252</v>
      </c>
    </row>
    <row r="1641" spans="1:3" x14ac:dyDescent="0.15">
      <c r="A1641" s="3">
        <v>2011410042</v>
      </c>
      <c r="B1641" s="4" t="s">
        <v>1125</v>
      </c>
      <c r="C1641" s="3" t="s">
        <v>1126</v>
      </c>
    </row>
    <row r="1642" spans="1:3" ht="27" x14ac:dyDescent="0.15">
      <c r="A1642" s="3">
        <v>2011411852</v>
      </c>
      <c r="B1642" s="4" t="s">
        <v>3316</v>
      </c>
      <c r="C1642" s="3" t="s">
        <v>1126</v>
      </c>
    </row>
    <row r="1643" spans="1:3" ht="27" x14ac:dyDescent="0.15">
      <c r="A1643" s="3">
        <v>2011411853</v>
      </c>
      <c r="B1643" s="4" t="s">
        <v>3317</v>
      </c>
      <c r="C1643" s="3" t="s">
        <v>1126</v>
      </c>
    </row>
    <row r="1644" spans="1:3" ht="27" x14ac:dyDescent="0.15">
      <c r="A1644" s="3">
        <v>2011411854</v>
      </c>
      <c r="B1644" s="4" t="s">
        <v>3318</v>
      </c>
      <c r="C1644" s="3" t="s">
        <v>1126</v>
      </c>
    </row>
    <row r="1645" spans="1:3" ht="27" x14ac:dyDescent="0.15">
      <c r="A1645" s="3">
        <v>2011411855</v>
      </c>
      <c r="B1645" s="4" t="s">
        <v>3318</v>
      </c>
      <c r="C1645" s="3" t="s">
        <v>1126</v>
      </c>
    </row>
    <row r="1646" spans="1:3" ht="27" x14ac:dyDescent="0.15">
      <c r="A1646" s="3">
        <v>2011411806</v>
      </c>
      <c r="B1646" s="4" t="s">
        <v>3254</v>
      </c>
      <c r="C1646" s="3" t="s">
        <v>3255</v>
      </c>
    </row>
    <row r="1647" spans="1:3" ht="27" x14ac:dyDescent="0.15">
      <c r="A1647" s="3">
        <v>2011411808</v>
      </c>
      <c r="B1647" s="4" t="s">
        <v>3258</v>
      </c>
      <c r="C1647" s="3" t="s">
        <v>3259</v>
      </c>
    </row>
    <row r="1648" spans="1:3" ht="27" x14ac:dyDescent="0.15">
      <c r="A1648" s="3">
        <v>2011411809</v>
      </c>
      <c r="B1648" s="4" t="s">
        <v>3260</v>
      </c>
      <c r="C1648" s="3" t="s">
        <v>3259</v>
      </c>
    </row>
    <row r="1649" spans="1:3" ht="27" x14ac:dyDescent="0.15">
      <c r="A1649" s="3">
        <v>2011411810</v>
      </c>
      <c r="B1649" s="4" t="s">
        <v>3261</v>
      </c>
      <c r="C1649" s="3" t="s">
        <v>3259</v>
      </c>
    </row>
    <row r="1650" spans="1:3" ht="27" x14ac:dyDescent="0.15">
      <c r="A1650" s="3">
        <v>2011411811</v>
      </c>
      <c r="B1650" s="4" t="s">
        <v>3262</v>
      </c>
      <c r="C1650" s="3" t="s">
        <v>3259</v>
      </c>
    </row>
    <row r="1651" spans="1:3" ht="27" x14ac:dyDescent="0.15">
      <c r="A1651" s="3">
        <v>2011411812</v>
      </c>
      <c r="B1651" s="4" t="s">
        <v>3263</v>
      </c>
      <c r="C1651" s="3" t="s">
        <v>3259</v>
      </c>
    </row>
    <row r="1652" spans="1:3" ht="27" x14ac:dyDescent="0.15">
      <c r="A1652" s="3">
        <v>2011411926</v>
      </c>
      <c r="B1652" s="4" t="s">
        <v>3414</v>
      </c>
      <c r="C1652" s="3" t="s">
        <v>3259</v>
      </c>
    </row>
    <row r="1653" spans="1:3" ht="40.5" x14ac:dyDescent="0.15">
      <c r="A1653" s="3">
        <v>2011411831</v>
      </c>
      <c r="B1653" s="4" t="s">
        <v>3282</v>
      </c>
      <c r="C1653" s="3" t="s">
        <v>3283</v>
      </c>
    </row>
    <row r="1654" spans="1:3" ht="27" x14ac:dyDescent="0.15">
      <c r="A1654" s="3">
        <v>2011410631</v>
      </c>
      <c r="B1654" s="4" t="s">
        <v>1885</v>
      </c>
      <c r="C1654" s="3" t="s">
        <v>1886</v>
      </c>
    </row>
    <row r="1655" spans="1:3" ht="27" x14ac:dyDescent="0.15">
      <c r="A1655" s="3">
        <v>2011410632</v>
      </c>
      <c r="B1655" s="4" t="s">
        <v>1887</v>
      </c>
      <c r="C1655" s="3" t="s">
        <v>1886</v>
      </c>
    </row>
    <row r="1656" spans="1:3" x14ac:dyDescent="0.15">
      <c r="A1656" s="3">
        <v>2011411933</v>
      </c>
      <c r="B1656" s="4" t="s">
        <v>3423</v>
      </c>
      <c r="C1656" s="3" t="s">
        <v>1886</v>
      </c>
    </row>
    <row r="1657" spans="1:3" ht="27" x14ac:dyDescent="0.15">
      <c r="A1657" s="3">
        <v>2011411840</v>
      </c>
      <c r="B1657" s="4" t="s">
        <v>3297</v>
      </c>
      <c r="C1657" s="3" t="s">
        <v>3298</v>
      </c>
    </row>
    <row r="1658" spans="1:3" x14ac:dyDescent="0.15">
      <c r="A1658" s="3">
        <v>2011411841</v>
      </c>
      <c r="B1658" s="4" t="s">
        <v>3299</v>
      </c>
      <c r="C1658" s="3" t="s">
        <v>3298</v>
      </c>
    </row>
    <row r="1659" spans="1:3" x14ac:dyDescent="0.15">
      <c r="A1659" s="3">
        <v>2011411842</v>
      </c>
      <c r="B1659" s="4" t="s">
        <v>3300</v>
      </c>
      <c r="C1659" s="3" t="s">
        <v>3298</v>
      </c>
    </row>
    <row r="1660" spans="1:3" ht="27" x14ac:dyDescent="0.15">
      <c r="A1660" s="3">
        <v>2011411843</v>
      </c>
      <c r="B1660" s="4" t="s">
        <v>3301</v>
      </c>
      <c r="C1660" s="3" t="s">
        <v>3298</v>
      </c>
    </row>
    <row r="1661" spans="1:3" ht="27" x14ac:dyDescent="0.15">
      <c r="A1661" s="3">
        <v>2011411844</v>
      </c>
      <c r="B1661" s="4" t="s">
        <v>3302</v>
      </c>
      <c r="C1661" s="3" t="s">
        <v>3298</v>
      </c>
    </row>
    <row r="1662" spans="1:3" x14ac:dyDescent="0.15">
      <c r="A1662" s="3">
        <v>2011411845</v>
      </c>
      <c r="B1662" s="4" t="s">
        <v>3303</v>
      </c>
      <c r="C1662" s="3" t="s">
        <v>3298</v>
      </c>
    </row>
    <row r="1663" spans="1:3" x14ac:dyDescent="0.15">
      <c r="A1663" s="3">
        <v>2011411846</v>
      </c>
      <c r="B1663" s="4" t="s">
        <v>3304</v>
      </c>
      <c r="C1663" s="3" t="s">
        <v>3305</v>
      </c>
    </row>
    <row r="1664" spans="1:3" ht="27" x14ac:dyDescent="0.15">
      <c r="A1664" s="3">
        <v>2011411847</v>
      </c>
      <c r="B1664" s="4" t="s">
        <v>3306</v>
      </c>
      <c r="C1664" s="3" t="s">
        <v>3307</v>
      </c>
    </row>
    <row r="1665" spans="1:3" ht="27" x14ac:dyDescent="0.15">
      <c r="A1665" s="3">
        <v>2008400267</v>
      </c>
      <c r="B1665" s="4" t="s">
        <v>319</v>
      </c>
      <c r="C1665" s="3" t="s">
        <v>320</v>
      </c>
    </row>
    <row r="1666" spans="1:3" ht="27" x14ac:dyDescent="0.15">
      <c r="A1666" s="3">
        <v>2011411849</v>
      </c>
      <c r="B1666" s="4" t="s">
        <v>3310</v>
      </c>
      <c r="C1666" s="3" t="s">
        <v>3311</v>
      </c>
    </row>
    <row r="1667" spans="1:3" x14ac:dyDescent="0.15">
      <c r="A1667" s="3">
        <v>2011411851</v>
      </c>
      <c r="B1667" s="4" t="s">
        <v>3314</v>
      </c>
      <c r="C1667" s="3" t="s">
        <v>3315</v>
      </c>
    </row>
    <row r="1668" spans="1:3" ht="27" x14ac:dyDescent="0.15">
      <c r="A1668" s="3">
        <v>2011411859</v>
      </c>
      <c r="B1668" s="4" t="s">
        <v>3325</v>
      </c>
      <c r="C1668" s="3" t="s">
        <v>3326</v>
      </c>
    </row>
    <row r="1669" spans="1:3" ht="27" x14ac:dyDescent="0.15">
      <c r="A1669" s="3">
        <v>2011411860</v>
      </c>
      <c r="B1669" s="4" t="s">
        <v>3327</v>
      </c>
      <c r="C1669" s="3" t="s">
        <v>3326</v>
      </c>
    </row>
    <row r="1670" spans="1:3" x14ac:dyDescent="0.15">
      <c r="A1670" s="3">
        <v>2011411941</v>
      </c>
      <c r="B1670" s="4" t="s">
        <v>3437</v>
      </c>
      <c r="C1670" s="3" t="s">
        <v>3326</v>
      </c>
    </row>
    <row r="1671" spans="1:3" ht="27" x14ac:dyDescent="0.15">
      <c r="A1671" s="3">
        <v>2011411864</v>
      </c>
      <c r="B1671" s="4" t="s">
        <v>3333</v>
      </c>
      <c r="C1671" s="3" t="s">
        <v>3334</v>
      </c>
    </row>
    <row r="1672" spans="1:3" ht="27" x14ac:dyDescent="0.15">
      <c r="A1672" s="3">
        <v>2011411865</v>
      </c>
      <c r="B1672" s="4" t="s">
        <v>3335</v>
      </c>
      <c r="C1672" s="3" t="s">
        <v>3334</v>
      </c>
    </row>
    <row r="1673" spans="1:3" ht="27" x14ac:dyDescent="0.15">
      <c r="A1673" s="3">
        <v>2011411866</v>
      </c>
      <c r="B1673" s="4" t="s">
        <v>3336</v>
      </c>
      <c r="C1673" s="3" t="s">
        <v>3334</v>
      </c>
    </row>
    <row r="1674" spans="1:3" ht="27" x14ac:dyDescent="0.15">
      <c r="A1674" s="3">
        <v>2011411868</v>
      </c>
      <c r="B1674" s="4" t="s">
        <v>3339</v>
      </c>
      <c r="C1674" s="3" t="s">
        <v>3334</v>
      </c>
    </row>
    <row r="1675" spans="1:3" ht="27" x14ac:dyDescent="0.15">
      <c r="A1675" s="3">
        <v>2011411871</v>
      </c>
      <c r="B1675" s="4" t="s">
        <v>3342</v>
      </c>
      <c r="C1675" s="3" t="s">
        <v>3343</v>
      </c>
    </row>
    <row r="1676" spans="1:3" ht="27" x14ac:dyDescent="0.15">
      <c r="A1676" s="3">
        <v>2011411872</v>
      </c>
      <c r="B1676" s="4" t="s">
        <v>3344</v>
      </c>
      <c r="C1676" s="3" t="s">
        <v>3343</v>
      </c>
    </row>
    <row r="1677" spans="1:3" ht="27" x14ac:dyDescent="0.15">
      <c r="A1677" s="3">
        <v>2011411873</v>
      </c>
      <c r="B1677" s="4" t="s">
        <v>3345</v>
      </c>
      <c r="C1677" s="3" t="s">
        <v>3343</v>
      </c>
    </row>
    <row r="1678" spans="1:3" ht="27" x14ac:dyDescent="0.15">
      <c r="A1678" s="3">
        <v>2011411874</v>
      </c>
      <c r="B1678" s="4" t="s">
        <v>3346</v>
      </c>
      <c r="C1678" s="3" t="s">
        <v>3343</v>
      </c>
    </row>
    <row r="1679" spans="1:3" x14ac:dyDescent="0.15">
      <c r="A1679" s="3">
        <v>2011411946</v>
      </c>
      <c r="B1679" s="4" t="s">
        <v>3445</v>
      </c>
      <c r="C1679" s="3" t="s">
        <v>3343</v>
      </c>
    </row>
    <row r="1680" spans="1:3" ht="27" x14ac:dyDescent="0.15">
      <c r="A1680" s="3">
        <v>2011411876</v>
      </c>
      <c r="B1680" s="4" t="s">
        <v>3349</v>
      </c>
      <c r="C1680" s="3" t="s">
        <v>3350</v>
      </c>
    </row>
    <row r="1681" spans="1:3" ht="27" x14ac:dyDescent="0.15">
      <c r="A1681" s="3">
        <v>2011411877</v>
      </c>
      <c r="B1681" s="4" t="s">
        <v>3351</v>
      </c>
      <c r="C1681" s="3" t="s">
        <v>3350</v>
      </c>
    </row>
    <row r="1682" spans="1:3" ht="27" x14ac:dyDescent="0.15">
      <c r="A1682" s="3">
        <v>2011411878</v>
      </c>
      <c r="B1682" s="4" t="s">
        <v>3352</v>
      </c>
      <c r="C1682" s="3" t="s">
        <v>3353</v>
      </c>
    </row>
    <row r="1683" spans="1:3" ht="27" x14ac:dyDescent="0.15">
      <c r="A1683" s="3">
        <v>2011411879</v>
      </c>
      <c r="B1683" s="4" t="s">
        <v>3354</v>
      </c>
      <c r="C1683" s="3" t="s">
        <v>3353</v>
      </c>
    </row>
    <row r="1684" spans="1:3" ht="27" x14ac:dyDescent="0.15">
      <c r="A1684" s="3">
        <v>2011411880</v>
      </c>
      <c r="B1684" s="4" t="s">
        <v>3355</v>
      </c>
      <c r="C1684" s="3" t="s">
        <v>3353</v>
      </c>
    </row>
    <row r="1685" spans="1:3" ht="27" x14ac:dyDescent="0.15">
      <c r="A1685" s="3">
        <v>2011411881</v>
      </c>
      <c r="B1685" s="4" t="s">
        <v>3356</v>
      </c>
      <c r="C1685" s="3" t="s">
        <v>3353</v>
      </c>
    </row>
    <row r="1686" spans="1:3" ht="27" x14ac:dyDescent="0.15">
      <c r="A1686" s="3">
        <v>2011411882</v>
      </c>
      <c r="B1686" s="4" t="s">
        <v>3357</v>
      </c>
      <c r="C1686" s="3" t="s">
        <v>3353</v>
      </c>
    </row>
    <row r="1687" spans="1:3" ht="27" x14ac:dyDescent="0.15">
      <c r="A1687" s="3">
        <v>2011411883</v>
      </c>
      <c r="B1687" s="4" t="s">
        <v>3358</v>
      </c>
      <c r="C1687" s="3" t="s">
        <v>3353</v>
      </c>
    </row>
    <row r="1688" spans="1:3" ht="27" x14ac:dyDescent="0.15">
      <c r="A1688" s="3">
        <v>2011411899</v>
      </c>
      <c r="B1688" s="4" t="s">
        <v>3375</v>
      </c>
      <c r="C1688" s="3" t="s">
        <v>3376</v>
      </c>
    </row>
    <row r="1689" spans="1:3" x14ac:dyDescent="0.15">
      <c r="A1689" s="3">
        <v>2011411901</v>
      </c>
      <c r="B1689" s="4" t="s">
        <v>3379</v>
      </c>
      <c r="C1689" s="3" t="s">
        <v>3376</v>
      </c>
    </row>
    <row r="1690" spans="1:3" x14ac:dyDescent="0.15">
      <c r="A1690" s="3">
        <v>2011411947</v>
      </c>
      <c r="B1690" s="4" t="s">
        <v>3446</v>
      </c>
      <c r="C1690" s="3" t="s">
        <v>3447</v>
      </c>
    </row>
    <row r="1691" spans="1:3" x14ac:dyDescent="0.15">
      <c r="A1691" s="3">
        <v>2011411902</v>
      </c>
      <c r="B1691" s="4" t="s">
        <v>3380</v>
      </c>
      <c r="C1691" s="3" t="s">
        <v>3381</v>
      </c>
    </row>
    <row r="1692" spans="1:3" ht="27" x14ac:dyDescent="0.15">
      <c r="A1692" s="3">
        <v>2011411948</v>
      </c>
      <c r="B1692" s="4" t="s">
        <v>3448</v>
      </c>
      <c r="C1692" s="3" t="s">
        <v>3449</v>
      </c>
    </row>
    <row r="1693" spans="1:3" ht="27" x14ac:dyDescent="0.15">
      <c r="A1693" s="3">
        <v>2011411956</v>
      </c>
      <c r="B1693" s="4" t="s">
        <v>3458</v>
      </c>
      <c r="C1693" s="3" t="s">
        <v>3459</v>
      </c>
    </row>
    <row r="1694" spans="1:3" ht="27" x14ac:dyDescent="0.15">
      <c r="A1694" s="3">
        <v>2011411957</v>
      </c>
      <c r="B1694" s="4" t="s">
        <v>3460</v>
      </c>
      <c r="C1694" s="3" t="s">
        <v>3459</v>
      </c>
    </row>
    <row r="1695" spans="1:3" ht="27" x14ac:dyDescent="0.15">
      <c r="A1695" s="3">
        <v>2008400294</v>
      </c>
      <c r="B1695" s="4" t="s">
        <v>349</v>
      </c>
      <c r="C1695" s="3" t="s">
        <v>350</v>
      </c>
    </row>
    <row r="1696" spans="1:3" ht="27" x14ac:dyDescent="0.15">
      <c r="A1696" s="3">
        <v>2008400295</v>
      </c>
      <c r="B1696" s="4" t="s">
        <v>351</v>
      </c>
      <c r="C1696" s="3" t="s">
        <v>350</v>
      </c>
    </row>
    <row r="1697" spans="1:3" ht="27" x14ac:dyDescent="0.15">
      <c r="A1697" s="3">
        <v>2008400296</v>
      </c>
      <c r="B1697" s="4" t="s">
        <v>352</v>
      </c>
      <c r="C1697" s="3" t="s">
        <v>350</v>
      </c>
    </row>
    <row r="1698" spans="1:3" ht="27" x14ac:dyDescent="0.15">
      <c r="A1698" s="3">
        <v>2008400297</v>
      </c>
      <c r="B1698" s="4" t="s">
        <v>353</v>
      </c>
      <c r="C1698" s="3" t="s">
        <v>350</v>
      </c>
    </row>
    <row r="1699" spans="1:3" x14ac:dyDescent="0.15">
      <c r="A1699" s="3">
        <v>2008400298</v>
      </c>
      <c r="B1699" s="4" t="s">
        <v>354</v>
      </c>
      <c r="C1699" s="3" t="s">
        <v>350</v>
      </c>
    </row>
    <row r="1700" spans="1:3" ht="27" x14ac:dyDescent="0.15">
      <c r="A1700" s="3">
        <v>2008400299</v>
      </c>
      <c r="B1700" s="4" t="s">
        <v>355</v>
      </c>
      <c r="C1700" s="3" t="s">
        <v>350</v>
      </c>
    </row>
    <row r="1701" spans="1:3" x14ac:dyDescent="0.15">
      <c r="A1701" s="3">
        <v>2008400300</v>
      </c>
      <c r="B1701" s="4" t="s">
        <v>356</v>
      </c>
      <c r="C1701" s="3" t="s">
        <v>350</v>
      </c>
    </row>
    <row r="1702" spans="1:3" ht="27" x14ac:dyDescent="0.15">
      <c r="A1702" s="3">
        <v>2008400301</v>
      </c>
      <c r="B1702" s="4" t="s">
        <v>357</v>
      </c>
      <c r="C1702" s="3" t="s">
        <v>350</v>
      </c>
    </row>
    <row r="1703" spans="1:3" ht="27" x14ac:dyDescent="0.15">
      <c r="A1703" s="3">
        <v>2008400302</v>
      </c>
      <c r="B1703" s="4" t="s">
        <v>358</v>
      </c>
      <c r="C1703" s="3" t="s">
        <v>350</v>
      </c>
    </row>
    <row r="1704" spans="1:3" ht="27" x14ac:dyDescent="0.15">
      <c r="A1704" s="3">
        <v>2008400303</v>
      </c>
      <c r="B1704" s="4" t="s">
        <v>359</v>
      </c>
      <c r="C1704" s="3" t="s">
        <v>350</v>
      </c>
    </row>
    <row r="1705" spans="1:3" ht="27" x14ac:dyDescent="0.15">
      <c r="A1705" s="3">
        <v>2008400304</v>
      </c>
      <c r="B1705" s="4" t="s">
        <v>360</v>
      </c>
      <c r="C1705" s="3" t="s">
        <v>350</v>
      </c>
    </row>
    <row r="1706" spans="1:3" ht="27" x14ac:dyDescent="0.15">
      <c r="A1706" s="3">
        <v>2008400305</v>
      </c>
      <c r="B1706" s="4" t="s">
        <v>361</v>
      </c>
      <c r="C1706" s="3" t="s">
        <v>350</v>
      </c>
    </row>
    <row r="1707" spans="1:3" ht="27" x14ac:dyDescent="0.15">
      <c r="A1707" s="3">
        <v>2008400306</v>
      </c>
      <c r="B1707" s="4" t="s">
        <v>362</v>
      </c>
      <c r="C1707" s="3" t="s">
        <v>350</v>
      </c>
    </row>
    <row r="1708" spans="1:3" ht="27" x14ac:dyDescent="0.15">
      <c r="A1708" s="3">
        <v>2008400307</v>
      </c>
      <c r="B1708" s="4" t="s">
        <v>363</v>
      </c>
      <c r="C1708" s="3" t="s">
        <v>350</v>
      </c>
    </row>
    <row r="1709" spans="1:3" ht="27" x14ac:dyDescent="0.15">
      <c r="A1709" s="3">
        <v>2008400369</v>
      </c>
      <c r="B1709" s="4" t="s">
        <v>444</v>
      </c>
      <c r="C1709" s="3" t="s">
        <v>350</v>
      </c>
    </row>
    <row r="1710" spans="1:3" ht="27" x14ac:dyDescent="0.15">
      <c r="A1710" s="3">
        <v>2008400370</v>
      </c>
      <c r="B1710" s="4" t="s">
        <v>445</v>
      </c>
      <c r="C1710" s="3" t="s">
        <v>350</v>
      </c>
    </row>
    <row r="1711" spans="1:3" ht="27" x14ac:dyDescent="0.15">
      <c r="A1711" s="3">
        <v>2008400371</v>
      </c>
      <c r="B1711" s="4" t="s">
        <v>446</v>
      </c>
      <c r="C1711" s="3" t="s">
        <v>350</v>
      </c>
    </row>
    <row r="1712" spans="1:3" ht="27" x14ac:dyDescent="0.15">
      <c r="A1712" s="3">
        <v>2008400372</v>
      </c>
      <c r="B1712" s="4" t="s">
        <v>447</v>
      </c>
      <c r="C1712" s="3" t="s">
        <v>350</v>
      </c>
    </row>
    <row r="1713" spans="1:3" ht="27" x14ac:dyDescent="0.15">
      <c r="A1713" s="3">
        <v>2008400373</v>
      </c>
      <c r="B1713" s="4" t="s">
        <v>448</v>
      </c>
      <c r="C1713" s="3" t="s">
        <v>350</v>
      </c>
    </row>
    <row r="1714" spans="1:3" ht="27" x14ac:dyDescent="0.15">
      <c r="A1714" s="3">
        <v>2008400374</v>
      </c>
      <c r="B1714" s="4" t="s">
        <v>449</v>
      </c>
      <c r="C1714" s="3" t="s">
        <v>350</v>
      </c>
    </row>
    <row r="1715" spans="1:3" ht="27" x14ac:dyDescent="0.15">
      <c r="A1715" s="3">
        <v>2008400375</v>
      </c>
      <c r="B1715" s="4" t="s">
        <v>450</v>
      </c>
      <c r="C1715" s="3" t="s">
        <v>350</v>
      </c>
    </row>
    <row r="1716" spans="1:3" x14ac:dyDescent="0.15">
      <c r="A1716" s="3">
        <v>2008400376</v>
      </c>
      <c r="B1716" s="4" t="s">
        <v>451</v>
      </c>
      <c r="C1716" s="3" t="s">
        <v>350</v>
      </c>
    </row>
    <row r="1717" spans="1:3" x14ac:dyDescent="0.15">
      <c r="A1717" s="3">
        <v>2008400377</v>
      </c>
      <c r="B1717" s="4" t="s">
        <v>452</v>
      </c>
      <c r="C1717" s="3" t="s">
        <v>350</v>
      </c>
    </row>
    <row r="1718" spans="1:3" ht="27" x14ac:dyDescent="0.15">
      <c r="A1718" s="3">
        <v>2008400654</v>
      </c>
      <c r="B1718" s="4" t="s">
        <v>780</v>
      </c>
      <c r="C1718" s="3" t="s">
        <v>350</v>
      </c>
    </row>
    <row r="1719" spans="1:3" ht="27" x14ac:dyDescent="0.15">
      <c r="A1719" s="3">
        <v>2011411970</v>
      </c>
      <c r="B1719" s="4" t="s">
        <v>3477</v>
      </c>
      <c r="C1719" s="3" t="s">
        <v>350</v>
      </c>
    </row>
    <row r="1720" spans="1:3" ht="27" x14ac:dyDescent="0.15">
      <c r="A1720" s="3">
        <v>2011411971</v>
      </c>
      <c r="B1720" s="4" t="s">
        <v>3478</v>
      </c>
      <c r="C1720" s="3" t="s">
        <v>350</v>
      </c>
    </row>
    <row r="1721" spans="1:3" ht="27" x14ac:dyDescent="0.15">
      <c r="A1721" s="3">
        <v>2011411972</v>
      </c>
      <c r="B1721" s="4" t="s">
        <v>3479</v>
      </c>
      <c r="C1721" s="3" t="s">
        <v>350</v>
      </c>
    </row>
    <row r="1722" spans="1:3" ht="27" x14ac:dyDescent="0.15">
      <c r="A1722" s="3">
        <v>2011411973</v>
      </c>
      <c r="B1722" s="4" t="s">
        <v>3480</v>
      </c>
      <c r="C1722" s="3" t="s">
        <v>350</v>
      </c>
    </row>
    <row r="1723" spans="1:3" ht="27" x14ac:dyDescent="0.15">
      <c r="A1723" s="3">
        <v>2011411974</v>
      </c>
      <c r="B1723" s="4" t="s">
        <v>3481</v>
      </c>
      <c r="C1723" s="3" t="s">
        <v>350</v>
      </c>
    </row>
    <row r="1724" spans="1:3" ht="27" x14ac:dyDescent="0.15">
      <c r="A1724" s="3">
        <v>2011411975</v>
      </c>
      <c r="B1724" s="4" t="s">
        <v>3482</v>
      </c>
      <c r="C1724" s="3" t="s">
        <v>350</v>
      </c>
    </row>
    <row r="1725" spans="1:3" ht="27" x14ac:dyDescent="0.15">
      <c r="A1725" s="3">
        <v>2011411976</v>
      </c>
      <c r="B1725" s="4" t="s">
        <v>447</v>
      </c>
      <c r="C1725" s="3" t="s">
        <v>350</v>
      </c>
    </row>
    <row r="1726" spans="1:3" ht="27" x14ac:dyDescent="0.15">
      <c r="A1726" s="3">
        <v>2011411977</v>
      </c>
      <c r="B1726" s="4" t="s">
        <v>447</v>
      </c>
      <c r="C1726" s="3" t="s">
        <v>350</v>
      </c>
    </row>
    <row r="1727" spans="1:3" ht="27" x14ac:dyDescent="0.15">
      <c r="A1727" s="3">
        <v>2011411978</v>
      </c>
      <c r="B1727" s="4" t="s">
        <v>3483</v>
      </c>
      <c r="C1727" s="3" t="s">
        <v>350</v>
      </c>
    </row>
    <row r="1728" spans="1:3" ht="27" x14ac:dyDescent="0.15">
      <c r="A1728" s="3">
        <v>2011411979</v>
      </c>
      <c r="B1728" s="4" t="s">
        <v>3484</v>
      </c>
      <c r="C1728" s="3" t="s">
        <v>350</v>
      </c>
    </row>
    <row r="1729" spans="1:3" ht="27" x14ac:dyDescent="0.15">
      <c r="A1729" s="3">
        <v>2011411980</v>
      </c>
      <c r="B1729" s="4" t="s">
        <v>3485</v>
      </c>
      <c r="C1729" s="3" t="s">
        <v>350</v>
      </c>
    </row>
    <row r="1730" spans="1:3" ht="27" x14ac:dyDescent="0.15">
      <c r="A1730" s="3">
        <v>2011411981</v>
      </c>
      <c r="B1730" s="4" t="s">
        <v>3486</v>
      </c>
      <c r="C1730" s="3" t="s">
        <v>350</v>
      </c>
    </row>
    <row r="1731" spans="1:3" ht="27" x14ac:dyDescent="0.15">
      <c r="A1731" s="3">
        <v>2011411982</v>
      </c>
      <c r="B1731" s="4" t="s">
        <v>3487</v>
      </c>
      <c r="C1731" s="3" t="s">
        <v>350</v>
      </c>
    </row>
    <row r="1732" spans="1:3" ht="27" x14ac:dyDescent="0.15">
      <c r="A1732" s="3">
        <v>2011411983</v>
      </c>
      <c r="B1732" s="4" t="s">
        <v>3488</v>
      </c>
      <c r="C1732" s="3" t="s">
        <v>350</v>
      </c>
    </row>
    <row r="1733" spans="1:3" ht="27" x14ac:dyDescent="0.15">
      <c r="A1733" s="3">
        <v>2011411984</v>
      </c>
      <c r="B1733" s="4" t="s">
        <v>3489</v>
      </c>
      <c r="C1733" s="3" t="s">
        <v>350</v>
      </c>
    </row>
    <row r="1734" spans="1:3" ht="27" x14ac:dyDescent="0.15">
      <c r="A1734" s="3">
        <v>2011411985</v>
      </c>
      <c r="B1734" s="4" t="s">
        <v>3490</v>
      </c>
      <c r="C1734" s="3" t="s">
        <v>350</v>
      </c>
    </row>
    <row r="1735" spans="1:3" ht="27" x14ac:dyDescent="0.15">
      <c r="A1735" s="3">
        <v>2011412006</v>
      </c>
      <c r="B1735" s="4" t="s">
        <v>3510</v>
      </c>
      <c r="C1735" s="3" t="s">
        <v>350</v>
      </c>
    </row>
    <row r="1736" spans="1:3" ht="27" x14ac:dyDescent="0.15">
      <c r="A1736" s="3">
        <v>2011412007</v>
      </c>
      <c r="B1736" s="4" t="s">
        <v>3511</v>
      </c>
      <c r="C1736" s="3" t="s">
        <v>350</v>
      </c>
    </row>
    <row r="1737" spans="1:3" ht="27" x14ac:dyDescent="0.15">
      <c r="A1737" s="3">
        <v>2011412074</v>
      </c>
      <c r="B1737" s="4" t="s">
        <v>3587</v>
      </c>
      <c r="C1737" s="3" t="s">
        <v>3588</v>
      </c>
    </row>
    <row r="1738" spans="1:3" ht="40.5" x14ac:dyDescent="0.15">
      <c r="A1738" s="3">
        <v>2011412073</v>
      </c>
      <c r="B1738" s="4" t="s">
        <v>3585</v>
      </c>
      <c r="C1738" s="3" t="s">
        <v>3586</v>
      </c>
    </row>
    <row r="1739" spans="1:3" ht="27" x14ac:dyDescent="0.15">
      <c r="A1739" s="3">
        <v>2011414147</v>
      </c>
      <c r="B1739" s="4" t="s">
        <v>6191</v>
      </c>
      <c r="C1739" s="3" t="s">
        <v>6192</v>
      </c>
    </row>
    <row r="1740" spans="1:3" ht="27" x14ac:dyDescent="0.15">
      <c r="A1740" s="3">
        <v>2008400308</v>
      </c>
      <c r="B1740" s="4" t="s">
        <v>364</v>
      </c>
      <c r="C1740" s="3" t="s">
        <v>365</v>
      </c>
    </row>
    <row r="1741" spans="1:3" x14ac:dyDescent="0.15">
      <c r="A1741" s="3">
        <v>2008400309</v>
      </c>
      <c r="B1741" s="4" t="s">
        <v>366</v>
      </c>
      <c r="C1741" s="3" t="s">
        <v>365</v>
      </c>
    </row>
    <row r="1742" spans="1:3" ht="27" x14ac:dyDescent="0.15">
      <c r="A1742" s="3">
        <v>2008400310</v>
      </c>
      <c r="B1742" s="4" t="s">
        <v>367</v>
      </c>
      <c r="C1742" s="3" t="s">
        <v>365</v>
      </c>
    </row>
    <row r="1743" spans="1:3" ht="27" x14ac:dyDescent="0.15">
      <c r="A1743" s="3">
        <v>2008400311</v>
      </c>
      <c r="B1743" s="4" t="s">
        <v>368</v>
      </c>
      <c r="C1743" s="3" t="s">
        <v>365</v>
      </c>
    </row>
    <row r="1744" spans="1:3" ht="27" x14ac:dyDescent="0.15">
      <c r="A1744" s="3">
        <v>2008400312</v>
      </c>
      <c r="B1744" s="4" t="s">
        <v>369</v>
      </c>
      <c r="C1744" s="3" t="s">
        <v>365</v>
      </c>
    </row>
    <row r="1745" spans="1:3" ht="27" x14ac:dyDescent="0.15">
      <c r="A1745" s="3">
        <v>2008400313</v>
      </c>
      <c r="B1745" s="4" t="s">
        <v>370</v>
      </c>
      <c r="C1745" s="3" t="s">
        <v>365</v>
      </c>
    </row>
    <row r="1746" spans="1:3" ht="27" x14ac:dyDescent="0.15">
      <c r="A1746" s="3">
        <v>2008400314</v>
      </c>
      <c r="B1746" s="4" t="s">
        <v>371</v>
      </c>
      <c r="C1746" s="3" t="s">
        <v>365</v>
      </c>
    </row>
    <row r="1747" spans="1:3" ht="27" x14ac:dyDescent="0.15">
      <c r="A1747" s="3">
        <v>2008400378</v>
      </c>
      <c r="B1747" s="4" t="s">
        <v>453</v>
      </c>
      <c r="C1747" s="3" t="s">
        <v>365</v>
      </c>
    </row>
    <row r="1748" spans="1:3" ht="27" x14ac:dyDescent="0.15">
      <c r="A1748" s="3">
        <v>2008400379</v>
      </c>
      <c r="B1748" s="4" t="s">
        <v>454</v>
      </c>
      <c r="C1748" s="3" t="s">
        <v>365</v>
      </c>
    </row>
    <row r="1749" spans="1:3" ht="27" x14ac:dyDescent="0.15">
      <c r="A1749" s="3">
        <v>2008400380</v>
      </c>
      <c r="B1749" s="4" t="s">
        <v>455</v>
      </c>
      <c r="C1749" s="3" t="s">
        <v>365</v>
      </c>
    </row>
    <row r="1750" spans="1:3" ht="27" x14ac:dyDescent="0.15">
      <c r="A1750" s="3">
        <v>2008400381</v>
      </c>
      <c r="B1750" s="4" t="s">
        <v>456</v>
      </c>
      <c r="C1750" s="3" t="s">
        <v>365</v>
      </c>
    </row>
    <row r="1751" spans="1:3" ht="27" x14ac:dyDescent="0.15">
      <c r="A1751" s="3">
        <v>2008400382</v>
      </c>
      <c r="B1751" s="4" t="s">
        <v>457</v>
      </c>
      <c r="C1751" s="3" t="s">
        <v>365</v>
      </c>
    </row>
    <row r="1752" spans="1:3" ht="27" x14ac:dyDescent="0.15">
      <c r="A1752" s="3">
        <v>2008400803</v>
      </c>
      <c r="B1752" s="4" t="s">
        <v>930</v>
      </c>
      <c r="C1752" s="3" t="s">
        <v>365</v>
      </c>
    </row>
    <row r="1753" spans="1:3" ht="40.5" x14ac:dyDescent="0.15">
      <c r="A1753" s="3">
        <v>2008400841</v>
      </c>
      <c r="B1753" s="4" t="s">
        <v>975</v>
      </c>
      <c r="C1753" s="3" t="s">
        <v>365</v>
      </c>
    </row>
    <row r="1754" spans="1:3" ht="27" x14ac:dyDescent="0.15">
      <c r="A1754" s="3">
        <v>2008400842</v>
      </c>
      <c r="B1754" s="4" t="s">
        <v>976</v>
      </c>
      <c r="C1754" s="3" t="s">
        <v>365</v>
      </c>
    </row>
    <row r="1755" spans="1:3" ht="27" x14ac:dyDescent="0.15">
      <c r="A1755" s="3">
        <v>2008400843</v>
      </c>
      <c r="B1755" s="4" t="s">
        <v>977</v>
      </c>
      <c r="C1755" s="3" t="s">
        <v>365</v>
      </c>
    </row>
    <row r="1756" spans="1:3" ht="27" x14ac:dyDescent="0.15">
      <c r="A1756" s="3">
        <v>2008400844</v>
      </c>
      <c r="B1756" s="4" t="s">
        <v>978</v>
      </c>
      <c r="C1756" s="3" t="s">
        <v>365</v>
      </c>
    </row>
    <row r="1757" spans="1:3" ht="27" x14ac:dyDescent="0.15">
      <c r="A1757" s="3">
        <v>2011411986</v>
      </c>
      <c r="B1757" s="4" t="s">
        <v>3491</v>
      </c>
      <c r="C1757" s="3" t="s">
        <v>365</v>
      </c>
    </row>
    <row r="1758" spans="1:3" ht="27" x14ac:dyDescent="0.15">
      <c r="A1758" s="3">
        <v>2011411987</v>
      </c>
      <c r="B1758" s="4" t="s">
        <v>3492</v>
      </c>
      <c r="C1758" s="3" t="s">
        <v>365</v>
      </c>
    </row>
    <row r="1759" spans="1:3" ht="27" x14ac:dyDescent="0.15">
      <c r="A1759" s="3">
        <v>2011411988</v>
      </c>
      <c r="B1759" s="4" t="s">
        <v>3492</v>
      </c>
      <c r="C1759" s="3" t="s">
        <v>365</v>
      </c>
    </row>
    <row r="1760" spans="1:3" ht="27" x14ac:dyDescent="0.15">
      <c r="A1760" s="3">
        <v>2011411989</v>
      </c>
      <c r="B1760" s="4" t="s">
        <v>3493</v>
      </c>
      <c r="C1760" s="3" t="s">
        <v>365</v>
      </c>
    </row>
    <row r="1761" spans="1:3" ht="27" x14ac:dyDescent="0.15">
      <c r="A1761" s="3">
        <v>2011411990</v>
      </c>
      <c r="B1761" s="4" t="s">
        <v>3494</v>
      </c>
      <c r="C1761" s="3" t="s">
        <v>365</v>
      </c>
    </row>
    <row r="1762" spans="1:3" ht="27" x14ac:dyDescent="0.15">
      <c r="A1762" s="3">
        <v>2011411991</v>
      </c>
      <c r="B1762" s="4" t="s">
        <v>3495</v>
      </c>
      <c r="C1762" s="3" t="s">
        <v>365</v>
      </c>
    </row>
    <row r="1763" spans="1:3" ht="27" x14ac:dyDescent="0.15">
      <c r="A1763" s="3">
        <v>2011411992</v>
      </c>
      <c r="B1763" s="4" t="s">
        <v>3496</v>
      </c>
      <c r="C1763" s="3" t="s">
        <v>365</v>
      </c>
    </row>
    <row r="1764" spans="1:3" ht="27" x14ac:dyDescent="0.15">
      <c r="A1764" s="3">
        <v>2011411993</v>
      </c>
      <c r="B1764" s="4" t="s">
        <v>3497</v>
      </c>
      <c r="C1764" s="3" t="s">
        <v>365</v>
      </c>
    </row>
    <row r="1765" spans="1:3" ht="27" x14ac:dyDescent="0.15">
      <c r="A1765" s="3">
        <v>2011411994</v>
      </c>
      <c r="B1765" s="4" t="s">
        <v>3498</v>
      </c>
      <c r="C1765" s="3" t="s">
        <v>365</v>
      </c>
    </row>
    <row r="1766" spans="1:3" ht="27" x14ac:dyDescent="0.15">
      <c r="A1766" s="3">
        <v>2011411995</v>
      </c>
      <c r="B1766" s="4" t="s">
        <v>3499</v>
      </c>
      <c r="C1766" s="3" t="s">
        <v>365</v>
      </c>
    </row>
    <row r="1767" spans="1:3" ht="27" x14ac:dyDescent="0.15">
      <c r="A1767" s="3">
        <v>2011411996</v>
      </c>
      <c r="B1767" s="4" t="s">
        <v>3500</v>
      </c>
      <c r="C1767" s="3" t="s">
        <v>365</v>
      </c>
    </row>
    <row r="1768" spans="1:3" ht="27" x14ac:dyDescent="0.15">
      <c r="A1768" s="3">
        <v>2011411997</v>
      </c>
      <c r="B1768" s="4" t="s">
        <v>3501</v>
      </c>
      <c r="C1768" s="3" t="s">
        <v>365</v>
      </c>
    </row>
    <row r="1769" spans="1:3" ht="27" x14ac:dyDescent="0.15">
      <c r="A1769" s="3">
        <v>2011411998</v>
      </c>
      <c r="B1769" s="4" t="s">
        <v>3502</v>
      </c>
      <c r="C1769" s="3" t="s">
        <v>365</v>
      </c>
    </row>
    <row r="1770" spans="1:3" ht="27" x14ac:dyDescent="0.15">
      <c r="A1770" s="3">
        <v>2011411999</v>
      </c>
      <c r="B1770" s="4" t="s">
        <v>3503</v>
      </c>
      <c r="C1770" s="3" t="s">
        <v>365</v>
      </c>
    </row>
    <row r="1771" spans="1:3" ht="27" x14ac:dyDescent="0.15">
      <c r="A1771" s="3">
        <v>2011412000</v>
      </c>
      <c r="B1771" s="4" t="s">
        <v>3504</v>
      </c>
      <c r="C1771" s="3" t="s">
        <v>365</v>
      </c>
    </row>
    <row r="1772" spans="1:3" ht="27" x14ac:dyDescent="0.15">
      <c r="A1772" s="3">
        <v>2011412001</v>
      </c>
      <c r="B1772" s="4" t="s">
        <v>3505</v>
      </c>
      <c r="C1772" s="3" t="s">
        <v>365</v>
      </c>
    </row>
    <row r="1773" spans="1:3" ht="27" x14ac:dyDescent="0.15">
      <c r="A1773" s="3">
        <v>2011412002</v>
      </c>
      <c r="B1773" s="4" t="s">
        <v>3506</v>
      </c>
      <c r="C1773" s="3" t="s">
        <v>365</v>
      </c>
    </row>
    <row r="1774" spans="1:3" ht="27" x14ac:dyDescent="0.15">
      <c r="A1774" s="3">
        <v>2011412003</v>
      </c>
      <c r="B1774" s="4" t="s">
        <v>3507</v>
      </c>
      <c r="C1774" s="3" t="s">
        <v>365</v>
      </c>
    </row>
    <row r="1775" spans="1:3" ht="27" x14ac:dyDescent="0.15">
      <c r="A1775" s="3">
        <v>2011412004</v>
      </c>
      <c r="B1775" s="4" t="s">
        <v>3508</v>
      </c>
      <c r="C1775" s="3" t="s">
        <v>365</v>
      </c>
    </row>
    <row r="1776" spans="1:3" ht="27" x14ac:dyDescent="0.15">
      <c r="A1776" s="3">
        <v>2011412009</v>
      </c>
      <c r="B1776" s="4" t="s">
        <v>3513</v>
      </c>
      <c r="C1776" s="3" t="s">
        <v>365</v>
      </c>
    </row>
    <row r="1777" spans="1:3" ht="27" x14ac:dyDescent="0.15">
      <c r="A1777" s="3">
        <v>2011412010</v>
      </c>
      <c r="B1777" s="4" t="s">
        <v>3513</v>
      </c>
      <c r="C1777" s="3" t="s">
        <v>365</v>
      </c>
    </row>
    <row r="1778" spans="1:3" ht="27" x14ac:dyDescent="0.15">
      <c r="A1778" s="3">
        <v>2011412011</v>
      </c>
      <c r="B1778" s="4" t="s">
        <v>3514</v>
      </c>
      <c r="C1778" s="3" t="s">
        <v>365</v>
      </c>
    </row>
    <row r="1779" spans="1:3" ht="27" x14ac:dyDescent="0.15">
      <c r="A1779" s="3">
        <v>2011412012</v>
      </c>
      <c r="B1779" s="4" t="s">
        <v>456</v>
      </c>
      <c r="C1779" s="3" t="s">
        <v>365</v>
      </c>
    </row>
    <row r="1780" spans="1:3" ht="27" x14ac:dyDescent="0.15">
      <c r="A1780" s="3">
        <v>2011412013</v>
      </c>
      <c r="B1780" s="4" t="s">
        <v>3515</v>
      </c>
      <c r="C1780" s="3" t="s">
        <v>365</v>
      </c>
    </row>
    <row r="1781" spans="1:3" ht="27" x14ac:dyDescent="0.15">
      <c r="A1781" s="3">
        <v>2011412014</v>
      </c>
      <c r="B1781" s="4" t="s">
        <v>3515</v>
      </c>
      <c r="C1781" s="3" t="s">
        <v>365</v>
      </c>
    </row>
    <row r="1782" spans="1:3" ht="27" x14ac:dyDescent="0.15">
      <c r="A1782" s="3">
        <v>2011412015</v>
      </c>
      <c r="B1782" s="4" t="s">
        <v>3516</v>
      </c>
      <c r="C1782" s="3" t="s">
        <v>365</v>
      </c>
    </row>
    <row r="1783" spans="1:3" x14ac:dyDescent="0.15">
      <c r="A1783" s="3">
        <v>2011412016</v>
      </c>
      <c r="B1783" s="4" t="s">
        <v>3517</v>
      </c>
      <c r="C1783" s="3" t="s">
        <v>365</v>
      </c>
    </row>
    <row r="1784" spans="1:3" ht="27" x14ac:dyDescent="0.15">
      <c r="A1784" s="3">
        <v>2011412017</v>
      </c>
      <c r="B1784" s="4" t="s">
        <v>3518</v>
      </c>
      <c r="C1784" s="3" t="s">
        <v>365</v>
      </c>
    </row>
    <row r="1785" spans="1:3" ht="27" x14ac:dyDescent="0.15">
      <c r="A1785" s="3">
        <v>2011412018</v>
      </c>
      <c r="B1785" s="4" t="s">
        <v>3519</v>
      </c>
      <c r="C1785" s="3" t="s">
        <v>365</v>
      </c>
    </row>
    <row r="1786" spans="1:3" ht="27" x14ac:dyDescent="0.15">
      <c r="A1786" s="3">
        <v>2011412019</v>
      </c>
      <c r="B1786" s="4" t="s">
        <v>3520</v>
      </c>
      <c r="C1786" s="3" t="s">
        <v>365</v>
      </c>
    </row>
    <row r="1787" spans="1:3" ht="40.5" x14ac:dyDescent="0.15">
      <c r="A1787" s="3">
        <v>2011412020</v>
      </c>
      <c r="B1787" s="4" t="s">
        <v>3521</v>
      </c>
      <c r="C1787" s="3" t="s">
        <v>365</v>
      </c>
    </row>
    <row r="1788" spans="1:3" ht="27" x14ac:dyDescent="0.15">
      <c r="A1788" s="3">
        <v>2011412021</v>
      </c>
      <c r="B1788" s="4" t="s">
        <v>3522</v>
      </c>
      <c r="C1788" s="3" t="s">
        <v>365</v>
      </c>
    </row>
    <row r="1789" spans="1:3" x14ac:dyDescent="0.15">
      <c r="A1789" s="3">
        <v>2011412075</v>
      </c>
      <c r="B1789" s="4" t="s">
        <v>3589</v>
      </c>
      <c r="C1789" s="3" t="s">
        <v>365</v>
      </c>
    </row>
    <row r="1790" spans="1:3" ht="27" x14ac:dyDescent="0.15">
      <c r="A1790" s="3">
        <v>2011412076</v>
      </c>
      <c r="B1790" s="4" t="s">
        <v>3590</v>
      </c>
      <c r="C1790" s="3" t="s">
        <v>365</v>
      </c>
    </row>
    <row r="1791" spans="1:3" ht="54" x14ac:dyDescent="0.15">
      <c r="A1791" s="3">
        <v>2011412077</v>
      </c>
      <c r="B1791" s="4" t="s">
        <v>3591</v>
      </c>
      <c r="C1791" s="3" t="s">
        <v>365</v>
      </c>
    </row>
    <row r="1792" spans="1:3" ht="27" x14ac:dyDescent="0.15">
      <c r="A1792" s="3">
        <v>2011412646</v>
      </c>
      <c r="B1792" s="4" t="s">
        <v>4295</v>
      </c>
      <c r="C1792" s="3" t="s">
        <v>365</v>
      </c>
    </row>
    <row r="1793" spans="1:3" ht="40.5" x14ac:dyDescent="0.15">
      <c r="A1793" s="3">
        <v>2011413325</v>
      </c>
      <c r="B1793" s="4" t="s">
        <v>5110</v>
      </c>
      <c r="C1793" s="3" t="s">
        <v>365</v>
      </c>
    </row>
    <row r="1794" spans="1:3" ht="27" x14ac:dyDescent="0.15">
      <c r="A1794" s="3">
        <v>2011412022</v>
      </c>
      <c r="B1794" s="4" t="s">
        <v>3523</v>
      </c>
      <c r="C1794" s="3" t="s">
        <v>3524</v>
      </c>
    </row>
    <row r="1795" spans="1:3" ht="27" x14ac:dyDescent="0.15">
      <c r="A1795" s="3">
        <v>2008400809</v>
      </c>
      <c r="B1795" s="4" t="s">
        <v>937</v>
      </c>
      <c r="C1795" s="3" t="s">
        <v>938</v>
      </c>
    </row>
    <row r="1796" spans="1:3" x14ac:dyDescent="0.15">
      <c r="A1796" s="3">
        <v>2011412030</v>
      </c>
      <c r="B1796" s="4" t="s">
        <v>3532</v>
      </c>
      <c r="C1796" s="3" t="s">
        <v>938</v>
      </c>
    </row>
    <row r="1797" spans="1:3" ht="27" x14ac:dyDescent="0.15">
      <c r="A1797" s="3">
        <v>2011412031</v>
      </c>
      <c r="B1797" s="4" t="s">
        <v>3533</v>
      </c>
      <c r="C1797" s="3" t="s">
        <v>938</v>
      </c>
    </row>
    <row r="1798" spans="1:3" ht="27" x14ac:dyDescent="0.15">
      <c r="A1798" s="3">
        <v>2011412032</v>
      </c>
      <c r="B1798" s="4" t="s">
        <v>3534</v>
      </c>
      <c r="C1798" s="3" t="s">
        <v>938</v>
      </c>
    </row>
    <row r="1799" spans="1:3" ht="27" x14ac:dyDescent="0.15">
      <c r="A1799" s="3">
        <v>2011412033</v>
      </c>
      <c r="B1799" s="4" t="s">
        <v>937</v>
      </c>
      <c r="C1799" s="3" t="s">
        <v>938</v>
      </c>
    </row>
    <row r="1800" spans="1:3" ht="27" x14ac:dyDescent="0.15">
      <c r="A1800" s="3">
        <v>2011412034</v>
      </c>
      <c r="B1800" s="4" t="s">
        <v>937</v>
      </c>
      <c r="C1800" s="3" t="s">
        <v>938</v>
      </c>
    </row>
    <row r="1801" spans="1:3" ht="27" x14ac:dyDescent="0.15">
      <c r="A1801" s="3">
        <v>2011412035</v>
      </c>
      <c r="B1801" s="4" t="s">
        <v>3535</v>
      </c>
      <c r="C1801" s="3" t="s">
        <v>938</v>
      </c>
    </row>
    <row r="1802" spans="1:3" ht="27" x14ac:dyDescent="0.15">
      <c r="A1802" s="3">
        <v>2011412036</v>
      </c>
      <c r="B1802" s="4" t="s">
        <v>3536</v>
      </c>
      <c r="C1802" s="3" t="s">
        <v>938</v>
      </c>
    </row>
    <row r="1803" spans="1:3" x14ac:dyDescent="0.15">
      <c r="A1803" s="3">
        <v>2011412037</v>
      </c>
      <c r="B1803" s="4" t="s">
        <v>3537</v>
      </c>
      <c r="C1803" s="3" t="s">
        <v>938</v>
      </c>
    </row>
    <row r="1804" spans="1:3" x14ac:dyDescent="0.15">
      <c r="A1804" s="3">
        <v>2011412088</v>
      </c>
      <c r="B1804" s="4" t="s">
        <v>3603</v>
      </c>
      <c r="C1804" s="3" t="s">
        <v>938</v>
      </c>
    </row>
    <row r="1805" spans="1:3" x14ac:dyDescent="0.15">
      <c r="A1805" s="3">
        <v>2011412128</v>
      </c>
      <c r="B1805" s="4" t="s">
        <v>3644</v>
      </c>
      <c r="C1805" s="3" t="s">
        <v>938</v>
      </c>
    </row>
    <row r="1806" spans="1:3" ht="27" x14ac:dyDescent="0.15">
      <c r="A1806" s="3">
        <v>2011413287</v>
      </c>
      <c r="B1806" s="4" t="s">
        <v>937</v>
      </c>
      <c r="C1806" s="3" t="s">
        <v>938</v>
      </c>
    </row>
    <row r="1807" spans="1:3" ht="40.5" x14ac:dyDescent="0.15">
      <c r="A1807" s="3">
        <v>2011412474</v>
      </c>
      <c r="B1807" s="4" t="s">
        <v>4075</v>
      </c>
      <c r="C1807" s="3" t="s">
        <v>4076</v>
      </c>
    </row>
    <row r="1808" spans="1:3" x14ac:dyDescent="0.15">
      <c r="A1808" s="3">
        <v>2011412040</v>
      </c>
      <c r="B1808" s="4" t="s">
        <v>3542</v>
      </c>
      <c r="C1808" s="3" t="s">
        <v>3543</v>
      </c>
    </row>
    <row r="1809" spans="1:3" ht="27" x14ac:dyDescent="0.15">
      <c r="A1809" s="3">
        <v>2011412042</v>
      </c>
      <c r="B1809" s="4" t="s">
        <v>3546</v>
      </c>
      <c r="C1809" s="3" t="s">
        <v>3543</v>
      </c>
    </row>
    <row r="1810" spans="1:3" ht="27" x14ac:dyDescent="0.15">
      <c r="A1810" s="3">
        <v>2011412043</v>
      </c>
      <c r="B1810" s="4" t="s">
        <v>3547</v>
      </c>
      <c r="C1810" s="3" t="s">
        <v>3543</v>
      </c>
    </row>
    <row r="1811" spans="1:3" ht="27" x14ac:dyDescent="0.15">
      <c r="A1811" s="3">
        <v>2011412044</v>
      </c>
      <c r="B1811" s="4" t="s">
        <v>3548</v>
      </c>
      <c r="C1811" s="3" t="s">
        <v>3543</v>
      </c>
    </row>
    <row r="1812" spans="1:3" ht="27" x14ac:dyDescent="0.15">
      <c r="A1812" s="3">
        <v>2011412051</v>
      </c>
      <c r="B1812" s="4" t="s">
        <v>3556</v>
      </c>
      <c r="C1812" s="3" t="s">
        <v>3557</v>
      </c>
    </row>
    <row r="1813" spans="1:3" ht="27" x14ac:dyDescent="0.15">
      <c r="A1813" s="3">
        <v>2011412052</v>
      </c>
      <c r="B1813" s="4" t="s">
        <v>3558</v>
      </c>
      <c r="C1813" s="3" t="s">
        <v>3557</v>
      </c>
    </row>
    <row r="1814" spans="1:3" ht="40.5" x14ac:dyDescent="0.15">
      <c r="A1814" s="3">
        <v>2011412053</v>
      </c>
      <c r="B1814" s="4" t="s">
        <v>3559</v>
      </c>
      <c r="C1814" s="3" t="s">
        <v>3557</v>
      </c>
    </row>
    <row r="1815" spans="1:3" ht="27" x14ac:dyDescent="0.15">
      <c r="A1815" s="3">
        <v>2011410009</v>
      </c>
      <c r="B1815" s="4" t="s">
        <v>1070</v>
      </c>
      <c r="C1815" s="3" t="s">
        <v>1071</v>
      </c>
    </row>
    <row r="1816" spans="1:3" ht="27" x14ac:dyDescent="0.15">
      <c r="A1816" s="3">
        <v>2011412054</v>
      </c>
      <c r="B1816" s="4" t="s">
        <v>3560</v>
      </c>
      <c r="C1816" s="3" t="s">
        <v>1071</v>
      </c>
    </row>
    <row r="1817" spans="1:3" ht="27" x14ac:dyDescent="0.15">
      <c r="A1817" s="3">
        <v>2011412091</v>
      </c>
      <c r="B1817" s="4" t="s">
        <v>3606</v>
      </c>
      <c r="C1817" s="3" t="s">
        <v>3607</v>
      </c>
    </row>
    <row r="1818" spans="1:3" ht="27" x14ac:dyDescent="0.15">
      <c r="A1818" s="3">
        <v>2011412144</v>
      </c>
      <c r="B1818" s="4" t="s">
        <v>3665</v>
      </c>
      <c r="C1818" s="3" t="s">
        <v>3666</v>
      </c>
    </row>
    <row r="1819" spans="1:3" ht="27" x14ac:dyDescent="0.15">
      <c r="A1819" s="3">
        <v>2008400391</v>
      </c>
      <c r="B1819" s="4" t="s">
        <v>468</v>
      </c>
      <c r="C1819" s="3" t="s">
        <v>469</v>
      </c>
    </row>
    <row r="1820" spans="1:3" ht="27" x14ac:dyDescent="0.15">
      <c r="A1820" s="3">
        <v>2011412105</v>
      </c>
      <c r="B1820" s="4" t="s">
        <v>3620</v>
      </c>
      <c r="C1820" s="3" t="s">
        <v>469</v>
      </c>
    </row>
    <row r="1821" spans="1:3" ht="27" x14ac:dyDescent="0.15">
      <c r="A1821" s="3">
        <v>2011412106</v>
      </c>
      <c r="B1821" s="4" t="s">
        <v>3621</v>
      </c>
      <c r="C1821" s="3" t="s">
        <v>469</v>
      </c>
    </row>
    <row r="1822" spans="1:3" ht="27" x14ac:dyDescent="0.15">
      <c r="A1822" s="3">
        <v>2011412107</v>
      </c>
      <c r="B1822" s="4" t="s">
        <v>3622</v>
      </c>
      <c r="C1822" s="3" t="s">
        <v>469</v>
      </c>
    </row>
    <row r="1823" spans="1:3" ht="27" x14ac:dyDescent="0.15">
      <c r="A1823" s="3">
        <v>2011412108</v>
      </c>
      <c r="B1823" s="4" t="s">
        <v>3623</v>
      </c>
      <c r="C1823" s="3" t="s">
        <v>469</v>
      </c>
    </row>
    <row r="1824" spans="1:3" ht="27" x14ac:dyDescent="0.15">
      <c r="A1824" s="3">
        <v>2011412109</v>
      </c>
      <c r="B1824" s="4" t="s">
        <v>3624</v>
      </c>
      <c r="C1824" s="3" t="s">
        <v>469</v>
      </c>
    </row>
    <row r="1825" spans="1:3" ht="27" x14ac:dyDescent="0.15">
      <c r="A1825" s="3">
        <v>2011412110</v>
      </c>
      <c r="B1825" s="4" t="s">
        <v>3625</v>
      </c>
      <c r="C1825" s="3" t="s">
        <v>469</v>
      </c>
    </row>
    <row r="1826" spans="1:3" ht="27" x14ac:dyDescent="0.15">
      <c r="A1826" s="3">
        <v>2011412111</v>
      </c>
      <c r="B1826" s="4" t="s">
        <v>3626</v>
      </c>
      <c r="C1826" s="3" t="s">
        <v>469</v>
      </c>
    </row>
    <row r="1827" spans="1:3" ht="27" x14ac:dyDescent="0.15">
      <c r="A1827" s="3">
        <v>2011412112</v>
      </c>
      <c r="B1827" s="4" t="s">
        <v>3627</v>
      </c>
      <c r="C1827" s="3" t="s">
        <v>469</v>
      </c>
    </row>
    <row r="1828" spans="1:3" ht="27" x14ac:dyDescent="0.15">
      <c r="A1828" s="3">
        <v>2011412113</v>
      </c>
      <c r="B1828" s="4" t="s">
        <v>3628</v>
      </c>
      <c r="C1828" s="3" t="s">
        <v>469</v>
      </c>
    </row>
    <row r="1829" spans="1:3" ht="27" x14ac:dyDescent="0.15">
      <c r="A1829" s="3">
        <v>2011412114</v>
      </c>
      <c r="B1829" s="4" t="s">
        <v>3629</v>
      </c>
      <c r="C1829" s="3" t="s">
        <v>469</v>
      </c>
    </row>
    <row r="1830" spans="1:3" ht="27" x14ac:dyDescent="0.15">
      <c r="A1830" s="3">
        <v>2011412115</v>
      </c>
      <c r="B1830" s="4" t="s">
        <v>3630</v>
      </c>
      <c r="C1830" s="3" t="s">
        <v>469</v>
      </c>
    </row>
    <row r="1831" spans="1:3" ht="27" x14ac:dyDescent="0.15">
      <c r="A1831" s="3">
        <v>2011412116</v>
      </c>
      <c r="B1831" s="4" t="s">
        <v>3631</v>
      </c>
      <c r="C1831" s="3" t="s">
        <v>469</v>
      </c>
    </row>
    <row r="1832" spans="1:3" ht="27" x14ac:dyDescent="0.15">
      <c r="A1832" s="3">
        <v>2011412117</v>
      </c>
      <c r="B1832" s="4" t="s">
        <v>3632</v>
      </c>
      <c r="C1832" s="3" t="s">
        <v>469</v>
      </c>
    </row>
    <row r="1833" spans="1:3" ht="27" x14ac:dyDescent="0.15">
      <c r="A1833" s="3">
        <v>2011412118</v>
      </c>
      <c r="B1833" s="4" t="s">
        <v>3633</v>
      </c>
      <c r="C1833" s="3" t="s">
        <v>469</v>
      </c>
    </row>
    <row r="1834" spans="1:3" ht="27" x14ac:dyDescent="0.15">
      <c r="A1834" s="3">
        <v>2011412119</v>
      </c>
      <c r="B1834" s="4" t="s">
        <v>3634</v>
      </c>
      <c r="C1834" s="3" t="s">
        <v>469</v>
      </c>
    </row>
    <row r="1835" spans="1:3" ht="27" x14ac:dyDescent="0.15">
      <c r="A1835" s="3">
        <v>2011412120</v>
      </c>
      <c r="B1835" s="4" t="s">
        <v>3635</v>
      </c>
      <c r="C1835" s="3" t="s">
        <v>469</v>
      </c>
    </row>
    <row r="1836" spans="1:3" ht="27" x14ac:dyDescent="0.15">
      <c r="A1836" s="3">
        <v>2011412121</v>
      </c>
      <c r="B1836" s="4" t="s">
        <v>3636</v>
      </c>
      <c r="C1836" s="3" t="s">
        <v>469</v>
      </c>
    </row>
    <row r="1837" spans="1:3" ht="27" x14ac:dyDescent="0.15">
      <c r="A1837" s="3">
        <v>2011412122</v>
      </c>
      <c r="B1837" s="4" t="s">
        <v>3637</v>
      </c>
      <c r="C1837" s="3" t="s">
        <v>469</v>
      </c>
    </row>
    <row r="1838" spans="1:3" ht="27" x14ac:dyDescent="0.15">
      <c r="A1838" s="3">
        <v>2011412123</v>
      </c>
      <c r="B1838" s="4" t="s">
        <v>3638</v>
      </c>
      <c r="C1838" s="3" t="s">
        <v>469</v>
      </c>
    </row>
    <row r="1839" spans="1:3" ht="27" x14ac:dyDescent="0.15">
      <c r="A1839" s="3">
        <v>2011412124</v>
      </c>
      <c r="B1839" s="4" t="s">
        <v>3639</v>
      </c>
      <c r="C1839" s="3" t="s">
        <v>469</v>
      </c>
    </row>
    <row r="1840" spans="1:3" x14ac:dyDescent="0.15">
      <c r="A1840" s="3">
        <v>2011412125</v>
      </c>
      <c r="B1840" s="4" t="s">
        <v>3640</v>
      </c>
      <c r="C1840" s="3" t="s">
        <v>469</v>
      </c>
    </row>
    <row r="1841" spans="1:3" x14ac:dyDescent="0.15">
      <c r="A1841" s="3">
        <v>2011412140</v>
      </c>
      <c r="B1841" s="4" t="s">
        <v>3661</v>
      </c>
      <c r="C1841" s="3" t="s">
        <v>469</v>
      </c>
    </row>
    <row r="1842" spans="1:3" x14ac:dyDescent="0.15">
      <c r="A1842" s="3">
        <v>2011412141</v>
      </c>
      <c r="B1842" s="4" t="s">
        <v>3662</v>
      </c>
      <c r="C1842" s="3" t="s">
        <v>469</v>
      </c>
    </row>
    <row r="1843" spans="1:3" ht="27" x14ac:dyDescent="0.15">
      <c r="A1843" s="3">
        <v>2011412142</v>
      </c>
      <c r="B1843" s="4" t="s">
        <v>3663</v>
      </c>
      <c r="C1843" s="3" t="s">
        <v>469</v>
      </c>
    </row>
    <row r="1844" spans="1:3" x14ac:dyDescent="0.15">
      <c r="A1844" s="3">
        <v>2011412143</v>
      </c>
      <c r="B1844" s="4" t="s">
        <v>3664</v>
      </c>
      <c r="C1844" s="3" t="s">
        <v>469</v>
      </c>
    </row>
    <row r="1845" spans="1:3" x14ac:dyDescent="0.15">
      <c r="A1845" s="3">
        <v>2011412145</v>
      </c>
      <c r="B1845" s="4" t="s">
        <v>3667</v>
      </c>
      <c r="C1845" s="3" t="s">
        <v>469</v>
      </c>
    </row>
    <row r="1846" spans="1:3" x14ac:dyDescent="0.15">
      <c r="A1846" s="3">
        <v>2011412149</v>
      </c>
      <c r="B1846" s="4" t="s">
        <v>3673</v>
      </c>
      <c r="C1846" s="3" t="s">
        <v>469</v>
      </c>
    </row>
    <row r="1847" spans="1:3" x14ac:dyDescent="0.15">
      <c r="A1847" s="3">
        <v>2011412174</v>
      </c>
      <c r="B1847" s="4" t="s">
        <v>3694</v>
      </c>
      <c r="C1847" s="3" t="s">
        <v>469</v>
      </c>
    </row>
    <row r="1848" spans="1:3" ht="27" x14ac:dyDescent="0.15">
      <c r="A1848" s="3">
        <v>2011412175</v>
      </c>
      <c r="B1848" s="4" t="s">
        <v>3695</v>
      </c>
      <c r="C1848" s="3" t="s">
        <v>469</v>
      </c>
    </row>
    <row r="1849" spans="1:3" x14ac:dyDescent="0.15">
      <c r="A1849" s="3">
        <v>2011412176</v>
      </c>
      <c r="B1849" s="4" t="s">
        <v>3696</v>
      </c>
      <c r="C1849" s="3" t="s">
        <v>469</v>
      </c>
    </row>
    <row r="1850" spans="1:3" x14ac:dyDescent="0.15">
      <c r="A1850" s="3">
        <v>2011412182</v>
      </c>
      <c r="B1850" s="4" t="s">
        <v>3702</v>
      </c>
      <c r="C1850" s="3" t="s">
        <v>3703</v>
      </c>
    </row>
    <row r="1851" spans="1:3" ht="27" x14ac:dyDescent="0.15">
      <c r="A1851" s="3">
        <v>2011414386</v>
      </c>
      <c r="B1851" s="4" t="s">
        <v>6518</v>
      </c>
      <c r="C1851" s="3" t="s">
        <v>6519</v>
      </c>
    </row>
    <row r="1852" spans="1:3" ht="27" x14ac:dyDescent="0.15">
      <c r="A1852" s="3">
        <v>2008400317</v>
      </c>
      <c r="B1852" s="4" t="s">
        <v>375</v>
      </c>
      <c r="C1852" s="3" t="s">
        <v>376</v>
      </c>
    </row>
    <row r="1853" spans="1:3" ht="27" x14ac:dyDescent="0.15">
      <c r="A1853" s="3">
        <v>2008400392</v>
      </c>
      <c r="B1853" s="4" t="s">
        <v>470</v>
      </c>
      <c r="C1853" s="3" t="s">
        <v>376</v>
      </c>
    </row>
    <row r="1854" spans="1:3" ht="27" x14ac:dyDescent="0.15">
      <c r="A1854" s="3">
        <v>2011412185</v>
      </c>
      <c r="B1854" s="4" t="s">
        <v>3705</v>
      </c>
      <c r="C1854" s="3" t="s">
        <v>376</v>
      </c>
    </row>
    <row r="1855" spans="1:3" x14ac:dyDescent="0.15">
      <c r="A1855" s="3">
        <v>2011412186</v>
      </c>
      <c r="B1855" s="4" t="s">
        <v>3706</v>
      </c>
      <c r="C1855" s="3" t="s">
        <v>376</v>
      </c>
    </row>
    <row r="1856" spans="1:3" ht="27" x14ac:dyDescent="0.15">
      <c r="A1856" s="3">
        <v>2011412187</v>
      </c>
      <c r="B1856" s="4" t="s">
        <v>3707</v>
      </c>
      <c r="C1856" s="3" t="s">
        <v>376</v>
      </c>
    </row>
    <row r="1857" spans="1:3" x14ac:dyDescent="0.15">
      <c r="A1857" s="3">
        <v>2011412188</v>
      </c>
      <c r="B1857" s="4" t="s">
        <v>3708</v>
      </c>
      <c r="C1857" s="3" t="s">
        <v>376</v>
      </c>
    </row>
    <row r="1858" spans="1:3" x14ac:dyDescent="0.15">
      <c r="A1858" s="3">
        <v>2011412189</v>
      </c>
      <c r="B1858" s="4" t="s">
        <v>3709</v>
      </c>
      <c r="C1858" s="3" t="s">
        <v>376</v>
      </c>
    </row>
    <row r="1859" spans="1:3" x14ac:dyDescent="0.15">
      <c r="A1859" s="3">
        <v>2011412190</v>
      </c>
      <c r="B1859" s="4" t="s">
        <v>3710</v>
      </c>
      <c r="C1859" s="3" t="s">
        <v>376</v>
      </c>
    </row>
    <row r="1860" spans="1:3" x14ac:dyDescent="0.15">
      <c r="A1860" s="3">
        <v>2011412191</v>
      </c>
      <c r="B1860" s="4" t="s">
        <v>3711</v>
      </c>
      <c r="C1860" s="3" t="s">
        <v>376</v>
      </c>
    </row>
    <row r="1861" spans="1:3" x14ac:dyDescent="0.15">
      <c r="A1861" s="3">
        <v>2011412192</v>
      </c>
      <c r="B1861" s="4" t="s">
        <v>3712</v>
      </c>
      <c r="C1861" s="3" t="s">
        <v>376</v>
      </c>
    </row>
    <row r="1862" spans="1:3" x14ac:dyDescent="0.15">
      <c r="A1862" s="3">
        <v>2011412193</v>
      </c>
      <c r="B1862" s="4" t="s">
        <v>3713</v>
      </c>
      <c r="C1862" s="3" t="s">
        <v>376</v>
      </c>
    </row>
    <row r="1863" spans="1:3" ht="27" x14ac:dyDescent="0.15">
      <c r="A1863" s="3">
        <v>2011411507</v>
      </c>
      <c r="B1863" s="4" t="s">
        <v>2921</v>
      </c>
      <c r="C1863" s="3" t="s">
        <v>2922</v>
      </c>
    </row>
    <row r="1864" spans="1:3" ht="27" x14ac:dyDescent="0.15">
      <c r="A1864" s="3">
        <v>2011412196</v>
      </c>
      <c r="B1864" s="4" t="s">
        <v>3717</v>
      </c>
      <c r="C1864" s="3" t="s">
        <v>2922</v>
      </c>
    </row>
    <row r="1865" spans="1:3" ht="27" x14ac:dyDescent="0.15">
      <c r="A1865" s="3">
        <v>2008400318</v>
      </c>
      <c r="B1865" s="4" t="s">
        <v>377</v>
      </c>
      <c r="C1865" s="3" t="s">
        <v>378</v>
      </c>
    </row>
    <row r="1866" spans="1:3" x14ac:dyDescent="0.15">
      <c r="A1866" s="3">
        <v>2011412150</v>
      </c>
      <c r="B1866" s="4" t="s">
        <v>3674</v>
      </c>
      <c r="C1866" s="3" t="s">
        <v>378</v>
      </c>
    </row>
    <row r="1867" spans="1:3" ht="27" x14ac:dyDescent="0.15">
      <c r="A1867" s="3">
        <v>2011412203</v>
      </c>
      <c r="B1867" s="4" t="s">
        <v>3725</v>
      </c>
      <c r="C1867" s="3" t="s">
        <v>378</v>
      </c>
    </row>
    <row r="1868" spans="1:3" ht="27" x14ac:dyDescent="0.15">
      <c r="A1868" s="3">
        <v>2011412204</v>
      </c>
      <c r="B1868" s="4" t="s">
        <v>3726</v>
      </c>
      <c r="C1868" s="3" t="s">
        <v>378</v>
      </c>
    </row>
    <row r="1869" spans="1:3" ht="27" x14ac:dyDescent="0.15">
      <c r="A1869" s="3">
        <v>2011412205</v>
      </c>
      <c r="B1869" s="4" t="s">
        <v>3727</v>
      </c>
      <c r="C1869" s="3" t="s">
        <v>378</v>
      </c>
    </row>
    <row r="1870" spans="1:3" ht="27" x14ac:dyDescent="0.15">
      <c r="A1870" s="3">
        <v>2011412206</v>
      </c>
      <c r="B1870" s="4" t="s">
        <v>3728</v>
      </c>
      <c r="C1870" s="3" t="s">
        <v>378</v>
      </c>
    </row>
    <row r="1871" spans="1:3" ht="27" x14ac:dyDescent="0.15">
      <c r="A1871" s="3">
        <v>2011412207</v>
      </c>
      <c r="B1871" s="4" t="s">
        <v>3729</v>
      </c>
      <c r="C1871" s="3" t="s">
        <v>378</v>
      </c>
    </row>
    <row r="1872" spans="1:3" ht="27" x14ac:dyDescent="0.15">
      <c r="A1872" s="3">
        <v>2011411390</v>
      </c>
      <c r="B1872" s="4" t="s">
        <v>2781</v>
      </c>
      <c r="C1872" s="3" t="s">
        <v>2782</v>
      </c>
    </row>
    <row r="1873" spans="1:3" ht="27" x14ac:dyDescent="0.15">
      <c r="A1873" s="3">
        <v>2011412152</v>
      </c>
      <c r="B1873" s="4" t="s">
        <v>3677</v>
      </c>
      <c r="C1873" s="3" t="s">
        <v>2782</v>
      </c>
    </row>
    <row r="1874" spans="1:3" ht="27" x14ac:dyDescent="0.15">
      <c r="A1874" s="3">
        <v>2011412249</v>
      </c>
      <c r="B1874" s="4" t="s">
        <v>3782</v>
      </c>
      <c r="C1874" s="3" t="s">
        <v>2782</v>
      </c>
    </row>
    <row r="1875" spans="1:3" ht="40.5" x14ac:dyDescent="0.15">
      <c r="A1875" s="3">
        <v>2011412156</v>
      </c>
      <c r="B1875" s="4" t="s">
        <v>3681</v>
      </c>
      <c r="C1875" s="3" t="s">
        <v>3682</v>
      </c>
    </row>
    <row r="1876" spans="1:3" x14ac:dyDescent="0.15">
      <c r="A1876" s="3">
        <v>2011412195</v>
      </c>
      <c r="B1876" s="4" t="s">
        <v>3716</v>
      </c>
      <c r="C1876" s="3" t="s">
        <v>3682</v>
      </c>
    </row>
    <row r="1877" spans="1:3" ht="27" x14ac:dyDescent="0.15">
      <c r="A1877" s="3">
        <v>2011412224</v>
      </c>
      <c r="B1877" s="4" t="s">
        <v>3750</v>
      </c>
      <c r="C1877" s="3" t="s">
        <v>3682</v>
      </c>
    </row>
    <row r="1878" spans="1:3" ht="27" x14ac:dyDescent="0.15">
      <c r="A1878" s="3">
        <v>2011412225</v>
      </c>
      <c r="B1878" s="4" t="s">
        <v>3751</v>
      </c>
      <c r="C1878" s="3" t="s">
        <v>3682</v>
      </c>
    </row>
    <row r="1879" spans="1:3" x14ac:dyDescent="0.15">
      <c r="A1879" s="3">
        <v>2011412226</v>
      </c>
      <c r="B1879" s="4" t="s">
        <v>3752</v>
      </c>
      <c r="C1879" s="3" t="s">
        <v>3682</v>
      </c>
    </row>
    <row r="1880" spans="1:3" ht="27" x14ac:dyDescent="0.15">
      <c r="A1880" s="3">
        <v>2011412228</v>
      </c>
      <c r="B1880" s="4" t="s">
        <v>3754</v>
      </c>
      <c r="C1880" s="3" t="s">
        <v>3682</v>
      </c>
    </row>
    <row r="1881" spans="1:3" ht="27" x14ac:dyDescent="0.15">
      <c r="A1881" s="3">
        <v>2011412230</v>
      </c>
      <c r="B1881" s="4" t="s">
        <v>3756</v>
      </c>
      <c r="C1881" s="3" t="s">
        <v>3682</v>
      </c>
    </row>
    <row r="1882" spans="1:3" x14ac:dyDescent="0.15">
      <c r="A1882" s="3">
        <v>2011412231</v>
      </c>
      <c r="B1882" s="4" t="s">
        <v>3757</v>
      </c>
      <c r="C1882" s="3" t="s">
        <v>3682</v>
      </c>
    </row>
    <row r="1883" spans="1:3" x14ac:dyDescent="0.15">
      <c r="A1883" s="3">
        <v>2011412232</v>
      </c>
      <c r="B1883" s="4" t="s">
        <v>3758</v>
      </c>
      <c r="C1883" s="3" t="s">
        <v>3682</v>
      </c>
    </row>
    <row r="1884" spans="1:3" ht="27" x14ac:dyDescent="0.15">
      <c r="A1884" s="3">
        <v>2011412240</v>
      </c>
      <c r="B1884" s="4" t="s">
        <v>3769</v>
      </c>
      <c r="C1884" s="3" t="s">
        <v>3770</v>
      </c>
    </row>
    <row r="1885" spans="1:3" ht="27" x14ac:dyDescent="0.15">
      <c r="A1885" s="3">
        <v>2011412241</v>
      </c>
      <c r="B1885" s="4" t="s">
        <v>3771</v>
      </c>
      <c r="C1885" s="3" t="s">
        <v>3770</v>
      </c>
    </row>
    <row r="1886" spans="1:3" ht="27" x14ac:dyDescent="0.15">
      <c r="A1886" s="3">
        <v>2008400321</v>
      </c>
      <c r="B1886" s="4" t="s">
        <v>382</v>
      </c>
      <c r="C1886" s="3" t="s">
        <v>383</v>
      </c>
    </row>
    <row r="1887" spans="1:3" ht="40.5" x14ac:dyDescent="0.15">
      <c r="A1887" s="3">
        <v>2011412237</v>
      </c>
      <c r="B1887" s="4" t="s">
        <v>3766</v>
      </c>
      <c r="C1887" s="3" t="s">
        <v>383</v>
      </c>
    </row>
    <row r="1888" spans="1:3" ht="27" x14ac:dyDescent="0.15">
      <c r="A1888" s="3">
        <v>2011412238</v>
      </c>
      <c r="B1888" s="4" t="s">
        <v>3767</v>
      </c>
      <c r="C1888" s="3" t="s">
        <v>383</v>
      </c>
    </row>
    <row r="1889" spans="1:3" ht="40.5" x14ac:dyDescent="0.15">
      <c r="A1889" s="3">
        <v>2011412239</v>
      </c>
      <c r="B1889" s="4" t="s">
        <v>3768</v>
      </c>
      <c r="C1889" s="3" t="s">
        <v>383</v>
      </c>
    </row>
    <row r="1890" spans="1:3" ht="27" x14ac:dyDescent="0.15">
      <c r="A1890" s="3">
        <v>2011412243</v>
      </c>
      <c r="B1890" s="4" t="s">
        <v>3774</v>
      </c>
      <c r="C1890" s="3" t="s">
        <v>383</v>
      </c>
    </row>
    <row r="1891" spans="1:3" ht="27" x14ac:dyDescent="0.15">
      <c r="A1891" s="3">
        <v>2011412244</v>
      </c>
      <c r="B1891" s="4" t="s">
        <v>3775</v>
      </c>
      <c r="C1891" s="3" t="s">
        <v>383</v>
      </c>
    </row>
    <row r="1892" spans="1:3" x14ac:dyDescent="0.15">
      <c r="A1892" s="3">
        <v>2011411236</v>
      </c>
      <c r="B1892" s="4" t="s">
        <v>2585</v>
      </c>
      <c r="C1892" s="3" t="s">
        <v>2586</v>
      </c>
    </row>
    <row r="1893" spans="1:3" x14ac:dyDescent="0.15">
      <c r="A1893" s="3">
        <v>2011412159</v>
      </c>
      <c r="B1893" s="4" t="s">
        <v>3686</v>
      </c>
      <c r="C1893" s="3" t="s">
        <v>2586</v>
      </c>
    </row>
    <row r="1894" spans="1:3" x14ac:dyDescent="0.15">
      <c r="A1894" s="3">
        <v>2011412160</v>
      </c>
      <c r="B1894" s="4" t="s">
        <v>3687</v>
      </c>
      <c r="C1894" s="3" t="s">
        <v>2586</v>
      </c>
    </row>
    <row r="1895" spans="1:3" x14ac:dyDescent="0.15">
      <c r="A1895" s="3">
        <v>2011412246</v>
      </c>
      <c r="B1895" s="4" t="s">
        <v>3778</v>
      </c>
      <c r="C1895" s="3" t="s">
        <v>2586</v>
      </c>
    </row>
    <row r="1896" spans="1:3" x14ac:dyDescent="0.15">
      <c r="A1896" s="3">
        <v>2011412247</v>
      </c>
      <c r="B1896" s="4" t="s">
        <v>3779</v>
      </c>
      <c r="C1896" s="3" t="s">
        <v>2586</v>
      </c>
    </row>
    <row r="1897" spans="1:3" x14ac:dyDescent="0.15">
      <c r="A1897" s="3">
        <v>2011412250</v>
      </c>
      <c r="B1897" s="4" t="s">
        <v>3783</v>
      </c>
      <c r="C1897" s="3" t="s">
        <v>2586</v>
      </c>
    </row>
    <row r="1898" spans="1:3" ht="27" x14ac:dyDescent="0.15">
      <c r="A1898" s="3">
        <v>2011412251</v>
      </c>
      <c r="B1898" s="4" t="s">
        <v>3784</v>
      </c>
      <c r="C1898" s="3" t="s">
        <v>2586</v>
      </c>
    </row>
    <row r="1899" spans="1:3" ht="27" x14ac:dyDescent="0.15">
      <c r="A1899" s="3">
        <v>2011412252</v>
      </c>
      <c r="B1899" s="4" t="s">
        <v>3785</v>
      </c>
      <c r="C1899" s="3" t="s">
        <v>2586</v>
      </c>
    </row>
    <row r="1900" spans="1:3" ht="27" x14ac:dyDescent="0.15">
      <c r="A1900" s="3">
        <v>2011412253</v>
      </c>
      <c r="B1900" s="4" t="s">
        <v>3786</v>
      </c>
      <c r="C1900" s="3" t="s">
        <v>2586</v>
      </c>
    </row>
    <row r="1901" spans="1:3" ht="27" x14ac:dyDescent="0.15">
      <c r="A1901" s="3">
        <v>2011412254</v>
      </c>
      <c r="B1901" s="4" t="s">
        <v>3787</v>
      </c>
      <c r="C1901" s="3" t="s">
        <v>2586</v>
      </c>
    </row>
    <row r="1902" spans="1:3" x14ac:dyDescent="0.15">
      <c r="A1902" s="3">
        <v>2011412255</v>
      </c>
      <c r="B1902" s="4" t="s">
        <v>3788</v>
      </c>
      <c r="C1902" s="3" t="s">
        <v>2586</v>
      </c>
    </row>
    <row r="1903" spans="1:3" ht="27" x14ac:dyDescent="0.15">
      <c r="A1903" s="3">
        <v>2011412256</v>
      </c>
      <c r="B1903" s="4" t="s">
        <v>3789</v>
      </c>
      <c r="C1903" s="3" t="s">
        <v>2586</v>
      </c>
    </row>
    <row r="1904" spans="1:3" x14ac:dyDescent="0.15">
      <c r="A1904" s="3">
        <v>2011412257</v>
      </c>
      <c r="B1904" s="4" t="s">
        <v>3790</v>
      </c>
      <c r="C1904" s="3" t="s">
        <v>2586</v>
      </c>
    </row>
    <row r="1905" spans="1:3" x14ac:dyDescent="0.15">
      <c r="A1905" s="3">
        <v>2011412258</v>
      </c>
      <c r="B1905" s="4" t="s">
        <v>3791</v>
      </c>
      <c r="C1905" s="3" t="s">
        <v>2586</v>
      </c>
    </row>
    <row r="1906" spans="1:3" ht="27" x14ac:dyDescent="0.15">
      <c r="A1906" s="3">
        <v>2011412259</v>
      </c>
      <c r="B1906" s="4" t="s">
        <v>3792</v>
      </c>
      <c r="C1906" s="3" t="s">
        <v>2586</v>
      </c>
    </row>
    <row r="1907" spans="1:3" ht="27" x14ac:dyDescent="0.15">
      <c r="A1907" s="3">
        <v>2011412260</v>
      </c>
      <c r="B1907" s="4" t="s">
        <v>3793</v>
      </c>
      <c r="C1907" s="3" t="s">
        <v>2586</v>
      </c>
    </row>
    <row r="1908" spans="1:3" ht="27" x14ac:dyDescent="0.15">
      <c r="A1908" s="3">
        <v>2011412266</v>
      </c>
      <c r="B1908" s="4" t="s">
        <v>3798</v>
      </c>
      <c r="C1908" s="3" t="s">
        <v>2586</v>
      </c>
    </row>
    <row r="1909" spans="1:3" ht="27" x14ac:dyDescent="0.15">
      <c r="A1909" s="3">
        <v>2011412267</v>
      </c>
      <c r="B1909" s="4" t="s">
        <v>3799</v>
      </c>
      <c r="C1909" s="3" t="s">
        <v>2586</v>
      </c>
    </row>
    <row r="1910" spans="1:3" ht="27" x14ac:dyDescent="0.15">
      <c r="A1910" s="3">
        <v>2011412268</v>
      </c>
      <c r="B1910" s="4" t="s">
        <v>3800</v>
      </c>
      <c r="C1910" s="3" t="s">
        <v>2586</v>
      </c>
    </row>
    <row r="1911" spans="1:3" ht="27" x14ac:dyDescent="0.15">
      <c r="A1911" s="3">
        <v>2011412269</v>
      </c>
      <c r="B1911" s="4" t="s">
        <v>3801</v>
      </c>
      <c r="C1911" s="3" t="s">
        <v>2586</v>
      </c>
    </row>
    <row r="1912" spans="1:3" ht="27" x14ac:dyDescent="0.15">
      <c r="A1912" s="3">
        <v>2011412271</v>
      </c>
      <c r="B1912" s="4" t="s">
        <v>3804</v>
      </c>
      <c r="C1912" s="3" t="s">
        <v>2586</v>
      </c>
    </row>
    <row r="1913" spans="1:3" ht="27" x14ac:dyDescent="0.15">
      <c r="A1913" s="3">
        <v>2011412369</v>
      </c>
      <c r="B1913" s="4" t="s">
        <v>3915</v>
      </c>
      <c r="C1913" s="3" t="s">
        <v>2586</v>
      </c>
    </row>
    <row r="1914" spans="1:3" ht="27" x14ac:dyDescent="0.15">
      <c r="A1914" s="3">
        <v>2011412370</v>
      </c>
      <c r="B1914" s="4" t="s">
        <v>3916</v>
      </c>
      <c r="C1914" s="3" t="s">
        <v>2586</v>
      </c>
    </row>
    <row r="1915" spans="1:3" ht="27" x14ac:dyDescent="0.15">
      <c r="A1915" s="3">
        <v>2011412299</v>
      </c>
      <c r="B1915" s="4" t="s">
        <v>3837</v>
      </c>
      <c r="C1915" s="3" t="s">
        <v>3838</v>
      </c>
    </row>
    <row r="1916" spans="1:3" ht="27" x14ac:dyDescent="0.15">
      <c r="A1916" s="3">
        <v>2011412301</v>
      </c>
      <c r="B1916" s="4" t="s">
        <v>3840</v>
      </c>
      <c r="C1916" s="3" t="s">
        <v>3838</v>
      </c>
    </row>
    <row r="1917" spans="1:3" ht="27" x14ac:dyDescent="0.15">
      <c r="A1917" s="3">
        <v>2011412302</v>
      </c>
      <c r="B1917" s="4" t="s">
        <v>3841</v>
      </c>
      <c r="C1917" s="3" t="s">
        <v>3838</v>
      </c>
    </row>
    <row r="1918" spans="1:3" ht="27" x14ac:dyDescent="0.15">
      <c r="A1918" s="3">
        <v>2008400325</v>
      </c>
      <c r="B1918" s="4" t="s">
        <v>388</v>
      </c>
      <c r="C1918" s="3" t="s">
        <v>389</v>
      </c>
    </row>
    <row r="1919" spans="1:3" ht="27" x14ac:dyDescent="0.15">
      <c r="A1919" s="3">
        <v>2008400645</v>
      </c>
      <c r="B1919" s="4" t="s">
        <v>767</v>
      </c>
      <c r="C1919" s="3" t="s">
        <v>389</v>
      </c>
    </row>
    <row r="1920" spans="1:3" ht="27" x14ac:dyDescent="0.15">
      <c r="A1920" s="3">
        <v>2008400648</v>
      </c>
      <c r="B1920" s="4" t="s">
        <v>770</v>
      </c>
      <c r="C1920" s="3" t="s">
        <v>389</v>
      </c>
    </row>
    <row r="1921" spans="1:3" ht="27" x14ac:dyDescent="0.15">
      <c r="A1921" s="3">
        <v>2008400662</v>
      </c>
      <c r="B1921" s="4" t="s">
        <v>789</v>
      </c>
      <c r="C1921" s="3" t="s">
        <v>389</v>
      </c>
    </row>
    <row r="1922" spans="1:3" ht="27" x14ac:dyDescent="0.15">
      <c r="A1922" s="3">
        <v>2011412300</v>
      </c>
      <c r="B1922" s="4" t="s">
        <v>3839</v>
      </c>
      <c r="C1922" s="3" t="s">
        <v>389</v>
      </c>
    </row>
    <row r="1923" spans="1:3" ht="27" x14ac:dyDescent="0.15">
      <c r="A1923" s="3">
        <v>2011412333</v>
      </c>
      <c r="B1923" s="4" t="s">
        <v>3869</v>
      </c>
      <c r="C1923" s="3" t="s">
        <v>389</v>
      </c>
    </row>
    <row r="1924" spans="1:3" ht="27" x14ac:dyDescent="0.15">
      <c r="A1924" s="3">
        <v>2011412334</v>
      </c>
      <c r="B1924" s="4" t="s">
        <v>3870</v>
      </c>
      <c r="C1924" s="3" t="s">
        <v>389</v>
      </c>
    </row>
    <row r="1925" spans="1:3" x14ac:dyDescent="0.15">
      <c r="A1925" s="3">
        <v>2011412335</v>
      </c>
      <c r="B1925" s="4" t="s">
        <v>3871</v>
      </c>
      <c r="C1925" s="3" t="s">
        <v>389</v>
      </c>
    </row>
    <row r="1926" spans="1:3" x14ac:dyDescent="0.15">
      <c r="A1926" s="3">
        <v>2011412336</v>
      </c>
      <c r="B1926" s="4" t="s">
        <v>3872</v>
      </c>
      <c r="C1926" s="3" t="s">
        <v>389</v>
      </c>
    </row>
    <row r="1927" spans="1:3" ht="27" x14ac:dyDescent="0.15">
      <c r="A1927" s="3">
        <v>2011412337</v>
      </c>
      <c r="B1927" s="4" t="s">
        <v>3873</v>
      </c>
      <c r="C1927" s="3" t="s">
        <v>389</v>
      </c>
    </row>
    <row r="1928" spans="1:3" ht="27" x14ac:dyDescent="0.15">
      <c r="A1928" s="3">
        <v>2011412338</v>
      </c>
      <c r="B1928" s="4" t="s">
        <v>3873</v>
      </c>
      <c r="C1928" s="3" t="s">
        <v>389</v>
      </c>
    </row>
    <row r="1929" spans="1:3" ht="27" x14ac:dyDescent="0.15">
      <c r="A1929" s="3">
        <v>2011412339</v>
      </c>
      <c r="B1929" s="4" t="s">
        <v>3874</v>
      </c>
      <c r="C1929" s="3" t="s">
        <v>389</v>
      </c>
    </row>
    <row r="1930" spans="1:3" ht="27" x14ac:dyDescent="0.15">
      <c r="A1930" s="3">
        <v>2011412340</v>
      </c>
      <c r="B1930" s="4" t="s">
        <v>3875</v>
      </c>
      <c r="C1930" s="3" t="s">
        <v>389</v>
      </c>
    </row>
    <row r="1931" spans="1:3" ht="27" x14ac:dyDescent="0.15">
      <c r="A1931" s="3">
        <v>2011412341</v>
      </c>
      <c r="B1931" s="4" t="s">
        <v>3876</v>
      </c>
      <c r="C1931" s="3" t="s">
        <v>389</v>
      </c>
    </row>
    <row r="1932" spans="1:3" ht="27" x14ac:dyDescent="0.15">
      <c r="A1932" s="3">
        <v>2011412342</v>
      </c>
      <c r="B1932" s="4" t="s">
        <v>3877</v>
      </c>
      <c r="C1932" s="3" t="s">
        <v>389</v>
      </c>
    </row>
    <row r="1933" spans="1:3" ht="27" x14ac:dyDescent="0.15">
      <c r="A1933" s="3">
        <v>2011412343</v>
      </c>
      <c r="B1933" s="4" t="s">
        <v>388</v>
      </c>
      <c r="C1933" s="3" t="s">
        <v>389</v>
      </c>
    </row>
    <row r="1934" spans="1:3" ht="27" x14ac:dyDescent="0.15">
      <c r="A1934" s="3">
        <v>2011412344</v>
      </c>
      <c r="B1934" s="4" t="s">
        <v>3878</v>
      </c>
      <c r="C1934" s="3" t="s">
        <v>389</v>
      </c>
    </row>
    <row r="1935" spans="1:3" ht="27" x14ac:dyDescent="0.15">
      <c r="A1935" s="3">
        <v>2011412345</v>
      </c>
      <c r="B1935" s="4" t="s">
        <v>3879</v>
      </c>
      <c r="C1935" s="3" t="s">
        <v>389</v>
      </c>
    </row>
    <row r="1936" spans="1:3" ht="27" x14ac:dyDescent="0.15">
      <c r="A1936" s="3">
        <v>2011414057</v>
      </c>
      <c r="B1936" s="4" t="s">
        <v>767</v>
      </c>
      <c r="C1936" s="3" t="s">
        <v>389</v>
      </c>
    </row>
    <row r="1937" spans="1:3" ht="27" x14ac:dyDescent="0.15">
      <c r="A1937" s="3">
        <v>2011412346</v>
      </c>
      <c r="B1937" s="4" t="s">
        <v>3880</v>
      </c>
      <c r="C1937" s="3" t="s">
        <v>3881</v>
      </c>
    </row>
    <row r="1938" spans="1:3" ht="40.5" x14ac:dyDescent="0.15">
      <c r="A1938" s="3">
        <v>2011412351</v>
      </c>
      <c r="B1938" s="4" t="s">
        <v>3889</v>
      </c>
      <c r="C1938" s="3" t="s">
        <v>3890</v>
      </c>
    </row>
    <row r="1939" spans="1:3" x14ac:dyDescent="0.15">
      <c r="A1939" s="3">
        <v>2011412353</v>
      </c>
      <c r="B1939" s="4" t="s">
        <v>3893</v>
      </c>
      <c r="C1939" s="3" t="s">
        <v>3894</v>
      </c>
    </row>
    <row r="1940" spans="1:3" ht="27" x14ac:dyDescent="0.15">
      <c r="A1940" s="3">
        <v>2011412379</v>
      </c>
      <c r="B1940" s="4" t="s">
        <v>3928</v>
      </c>
      <c r="C1940" s="3" t="s">
        <v>3929</v>
      </c>
    </row>
    <row r="1941" spans="1:3" ht="27" x14ac:dyDescent="0.15">
      <c r="A1941" s="3">
        <v>2011412380</v>
      </c>
      <c r="B1941" s="4" t="s">
        <v>3928</v>
      </c>
      <c r="C1941" s="3" t="s">
        <v>3929</v>
      </c>
    </row>
    <row r="1942" spans="1:3" ht="40.5" x14ac:dyDescent="0.15">
      <c r="A1942" s="3">
        <v>2011414114</v>
      </c>
      <c r="B1942" s="4" t="s">
        <v>6150</v>
      </c>
      <c r="C1942" s="3" t="s">
        <v>6151</v>
      </c>
    </row>
    <row r="1943" spans="1:3" ht="27" x14ac:dyDescent="0.15">
      <c r="A1943" s="3">
        <v>2011412387</v>
      </c>
      <c r="B1943" s="4" t="s">
        <v>3940</v>
      </c>
      <c r="C1943" s="3" t="s">
        <v>3941</v>
      </c>
    </row>
    <row r="1944" spans="1:3" ht="27" x14ac:dyDescent="0.15">
      <c r="A1944" s="3">
        <v>2011412390</v>
      </c>
      <c r="B1944" s="4" t="s">
        <v>3946</v>
      </c>
      <c r="C1944" s="3" t="s">
        <v>3947</v>
      </c>
    </row>
    <row r="1945" spans="1:3" ht="27" x14ac:dyDescent="0.15">
      <c r="A1945" s="3">
        <v>2011412393</v>
      </c>
      <c r="B1945" s="4" t="s">
        <v>3952</v>
      </c>
      <c r="C1945" s="3" t="s">
        <v>3953</v>
      </c>
    </row>
    <row r="1946" spans="1:3" ht="27" x14ac:dyDescent="0.15">
      <c r="A1946" s="3">
        <v>2011412395</v>
      </c>
      <c r="B1946" s="4" t="s">
        <v>3955</v>
      </c>
      <c r="C1946" s="3" t="s">
        <v>3956</v>
      </c>
    </row>
    <row r="1947" spans="1:3" x14ac:dyDescent="0.15">
      <c r="A1947" s="3">
        <v>2008400331</v>
      </c>
      <c r="B1947" s="4" t="s">
        <v>397</v>
      </c>
      <c r="C1947" s="3" t="s">
        <v>398</v>
      </c>
    </row>
    <row r="1948" spans="1:3" ht="27" x14ac:dyDescent="0.15">
      <c r="A1948" s="3">
        <v>2008400332</v>
      </c>
      <c r="B1948" s="4" t="s">
        <v>399</v>
      </c>
      <c r="C1948" s="3" t="s">
        <v>398</v>
      </c>
    </row>
    <row r="1949" spans="1:3" ht="27" x14ac:dyDescent="0.15">
      <c r="A1949" s="3">
        <v>2008400333</v>
      </c>
      <c r="B1949" s="4" t="s">
        <v>400</v>
      </c>
      <c r="C1949" s="3" t="s">
        <v>398</v>
      </c>
    </row>
    <row r="1950" spans="1:3" ht="27" x14ac:dyDescent="0.15">
      <c r="A1950" s="3">
        <v>2008400334</v>
      </c>
      <c r="B1950" s="4" t="s">
        <v>401</v>
      </c>
      <c r="C1950" s="3" t="s">
        <v>398</v>
      </c>
    </row>
    <row r="1951" spans="1:3" ht="27" x14ac:dyDescent="0.15">
      <c r="A1951" s="3">
        <v>2008400335</v>
      </c>
      <c r="B1951" s="4" t="s">
        <v>402</v>
      </c>
      <c r="C1951" s="3" t="s">
        <v>398</v>
      </c>
    </row>
    <row r="1952" spans="1:3" x14ac:dyDescent="0.15">
      <c r="A1952" s="3">
        <v>2008400336</v>
      </c>
      <c r="B1952" s="4" t="s">
        <v>403</v>
      </c>
      <c r="C1952" s="3" t="s">
        <v>398</v>
      </c>
    </row>
    <row r="1953" spans="1:3" x14ac:dyDescent="0.15">
      <c r="A1953" s="3">
        <v>2008400337</v>
      </c>
      <c r="B1953" s="4" t="s">
        <v>404</v>
      </c>
      <c r="C1953" s="3" t="s">
        <v>398</v>
      </c>
    </row>
    <row r="1954" spans="1:3" ht="27" x14ac:dyDescent="0.15">
      <c r="A1954" s="3">
        <v>2008400338</v>
      </c>
      <c r="B1954" s="4" t="s">
        <v>405</v>
      </c>
      <c r="C1954" s="3" t="s">
        <v>398</v>
      </c>
    </row>
    <row r="1955" spans="1:3" x14ac:dyDescent="0.15">
      <c r="A1955" s="3">
        <v>2008400339</v>
      </c>
      <c r="B1955" s="4" t="s">
        <v>406</v>
      </c>
      <c r="C1955" s="3" t="s">
        <v>398</v>
      </c>
    </row>
    <row r="1956" spans="1:3" x14ac:dyDescent="0.15">
      <c r="A1956" s="3">
        <v>2008400340</v>
      </c>
      <c r="B1956" s="4" t="s">
        <v>407</v>
      </c>
      <c r="C1956" s="3" t="s">
        <v>398</v>
      </c>
    </row>
    <row r="1957" spans="1:3" ht="27" x14ac:dyDescent="0.15">
      <c r="A1957" s="3">
        <v>2008400341</v>
      </c>
      <c r="B1957" s="4" t="s">
        <v>408</v>
      </c>
      <c r="C1957" s="3" t="s">
        <v>398</v>
      </c>
    </row>
    <row r="1958" spans="1:3" x14ac:dyDescent="0.15">
      <c r="A1958" s="3">
        <v>2008400342</v>
      </c>
      <c r="B1958" s="4" t="s">
        <v>409</v>
      </c>
      <c r="C1958" s="3" t="s">
        <v>398</v>
      </c>
    </row>
    <row r="1959" spans="1:3" x14ac:dyDescent="0.15">
      <c r="A1959" s="3">
        <v>2008400343</v>
      </c>
      <c r="B1959" s="4" t="s">
        <v>410</v>
      </c>
      <c r="C1959" s="3" t="s">
        <v>398</v>
      </c>
    </row>
    <row r="1960" spans="1:3" ht="27" x14ac:dyDescent="0.15">
      <c r="A1960" s="3">
        <v>2011412396</v>
      </c>
      <c r="B1960" s="4" t="s">
        <v>3957</v>
      </c>
      <c r="C1960" s="3" t="s">
        <v>398</v>
      </c>
    </row>
    <row r="1961" spans="1:3" ht="27" x14ac:dyDescent="0.15">
      <c r="A1961" s="3">
        <v>2011412397</v>
      </c>
      <c r="B1961" s="4" t="s">
        <v>3958</v>
      </c>
      <c r="C1961" s="3" t="s">
        <v>398</v>
      </c>
    </row>
    <row r="1962" spans="1:3" ht="27" x14ac:dyDescent="0.15">
      <c r="A1962" s="3">
        <v>2011412398</v>
      </c>
      <c r="B1962" s="4" t="s">
        <v>3959</v>
      </c>
      <c r="C1962" s="3" t="s">
        <v>398</v>
      </c>
    </row>
    <row r="1963" spans="1:3" ht="27" x14ac:dyDescent="0.15">
      <c r="A1963" s="3">
        <v>2011412399</v>
      </c>
      <c r="B1963" s="4" t="s">
        <v>3960</v>
      </c>
      <c r="C1963" s="3" t="s">
        <v>398</v>
      </c>
    </row>
    <row r="1964" spans="1:3" ht="27" x14ac:dyDescent="0.15">
      <c r="A1964" s="3">
        <v>2011412400</v>
      </c>
      <c r="B1964" s="4" t="s">
        <v>3961</v>
      </c>
      <c r="C1964" s="3" t="s">
        <v>398</v>
      </c>
    </row>
    <row r="1965" spans="1:3" ht="27" x14ac:dyDescent="0.15">
      <c r="A1965" s="3">
        <v>2011412401</v>
      </c>
      <c r="B1965" s="4" t="s">
        <v>3962</v>
      </c>
      <c r="C1965" s="3" t="s">
        <v>398</v>
      </c>
    </row>
    <row r="1966" spans="1:3" ht="27" x14ac:dyDescent="0.15">
      <c r="A1966" s="3">
        <v>2011412402</v>
      </c>
      <c r="B1966" s="4" t="s">
        <v>3963</v>
      </c>
      <c r="C1966" s="3" t="s">
        <v>398</v>
      </c>
    </row>
    <row r="1967" spans="1:3" ht="27" x14ac:dyDescent="0.15">
      <c r="A1967" s="3">
        <v>2011412403</v>
      </c>
      <c r="B1967" s="4" t="s">
        <v>3964</v>
      </c>
      <c r="C1967" s="3" t="s">
        <v>398</v>
      </c>
    </row>
    <row r="1968" spans="1:3" ht="27" x14ac:dyDescent="0.15">
      <c r="A1968" s="3">
        <v>2011412404</v>
      </c>
      <c r="B1968" s="4" t="s">
        <v>3965</v>
      </c>
      <c r="C1968" s="3" t="s">
        <v>398</v>
      </c>
    </row>
    <row r="1969" spans="1:3" ht="27" x14ac:dyDescent="0.15">
      <c r="A1969" s="3">
        <v>2011412405</v>
      </c>
      <c r="B1969" s="4" t="s">
        <v>3966</v>
      </c>
      <c r="C1969" s="3" t="s">
        <v>398</v>
      </c>
    </row>
    <row r="1970" spans="1:3" ht="27" x14ac:dyDescent="0.15">
      <c r="A1970" s="3">
        <v>2011412406</v>
      </c>
      <c r="B1970" s="4" t="s">
        <v>3967</v>
      </c>
      <c r="C1970" s="3" t="s">
        <v>398</v>
      </c>
    </row>
    <row r="1971" spans="1:3" ht="27" x14ac:dyDescent="0.15">
      <c r="A1971" s="3">
        <v>2011412407</v>
      </c>
      <c r="B1971" s="4" t="s">
        <v>3968</v>
      </c>
      <c r="C1971" s="3" t="s">
        <v>398</v>
      </c>
    </row>
    <row r="1972" spans="1:3" ht="27" x14ac:dyDescent="0.15">
      <c r="A1972" s="3">
        <v>2011412408</v>
      </c>
      <c r="B1972" s="4" t="s">
        <v>3969</v>
      </c>
      <c r="C1972" s="3" t="s">
        <v>398</v>
      </c>
    </row>
    <row r="1973" spans="1:3" ht="27" x14ac:dyDescent="0.15">
      <c r="A1973" s="3">
        <v>2011412409</v>
      </c>
      <c r="B1973" s="4" t="s">
        <v>3970</v>
      </c>
      <c r="C1973" s="3" t="s">
        <v>398</v>
      </c>
    </row>
    <row r="1974" spans="1:3" ht="27" x14ac:dyDescent="0.15">
      <c r="A1974" s="3">
        <v>2011412410</v>
      </c>
      <c r="B1974" s="4" t="s">
        <v>3971</v>
      </c>
      <c r="C1974" s="3" t="s">
        <v>398</v>
      </c>
    </row>
    <row r="1975" spans="1:3" ht="27" x14ac:dyDescent="0.15">
      <c r="A1975" s="3">
        <v>2011412411</v>
      </c>
      <c r="B1975" s="4" t="s">
        <v>3972</v>
      </c>
      <c r="C1975" s="3" t="s">
        <v>398</v>
      </c>
    </row>
    <row r="1976" spans="1:3" ht="27" x14ac:dyDescent="0.15">
      <c r="A1976" s="3">
        <v>2011412412</v>
      </c>
      <c r="B1976" s="4" t="s">
        <v>3973</v>
      </c>
      <c r="C1976" s="3" t="s">
        <v>398</v>
      </c>
    </row>
    <row r="1977" spans="1:3" ht="27" x14ac:dyDescent="0.15">
      <c r="A1977" s="3">
        <v>2011412413</v>
      </c>
      <c r="B1977" s="4" t="s">
        <v>3974</v>
      </c>
      <c r="C1977" s="3" t="s">
        <v>398</v>
      </c>
    </row>
    <row r="1978" spans="1:3" x14ac:dyDescent="0.15">
      <c r="A1978" s="3">
        <v>2011412448</v>
      </c>
      <c r="B1978" s="4" t="s">
        <v>4034</v>
      </c>
      <c r="C1978" s="3" t="s">
        <v>4035</v>
      </c>
    </row>
    <row r="1979" spans="1:3" x14ac:dyDescent="0.15">
      <c r="A1979" s="3">
        <v>2011412449</v>
      </c>
      <c r="B1979" s="4" t="s">
        <v>4036</v>
      </c>
      <c r="C1979" s="3" t="s">
        <v>4035</v>
      </c>
    </row>
    <row r="1980" spans="1:3" x14ac:dyDescent="0.15">
      <c r="A1980" s="3">
        <v>2011412415</v>
      </c>
      <c r="B1980" s="4" t="s">
        <v>3977</v>
      </c>
      <c r="C1980" s="3" t="s">
        <v>3978</v>
      </c>
    </row>
    <row r="1981" spans="1:3" x14ac:dyDescent="0.15">
      <c r="A1981" s="3">
        <v>2011412418</v>
      </c>
      <c r="B1981" s="4" t="s">
        <v>3983</v>
      </c>
      <c r="C1981" s="3" t="s">
        <v>3984</v>
      </c>
    </row>
    <row r="1982" spans="1:3" ht="27" x14ac:dyDescent="0.15">
      <c r="A1982" s="3">
        <v>2011412423</v>
      </c>
      <c r="B1982" s="4" t="s">
        <v>3991</v>
      </c>
      <c r="C1982" s="3" t="s">
        <v>3992</v>
      </c>
    </row>
    <row r="1983" spans="1:3" ht="27" x14ac:dyDescent="0.15">
      <c r="A1983" s="3">
        <v>2011412425</v>
      </c>
      <c r="B1983" s="4" t="s">
        <v>3995</v>
      </c>
      <c r="C1983" s="3" t="s">
        <v>3996</v>
      </c>
    </row>
    <row r="1984" spans="1:3" x14ac:dyDescent="0.15">
      <c r="A1984" s="3">
        <v>2011412426</v>
      </c>
      <c r="B1984" s="4" t="s">
        <v>3997</v>
      </c>
      <c r="C1984" s="3" t="s">
        <v>3998</v>
      </c>
    </row>
    <row r="1985" spans="1:3" ht="27" x14ac:dyDescent="0.15">
      <c r="A1985" s="3">
        <v>2011412427</v>
      </c>
      <c r="B1985" s="4" t="s">
        <v>3999</v>
      </c>
      <c r="C1985" s="3" t="s">
        <v>4000</v>
      </c>
    </row>
    <row r="1986" spans="1:3" ht="27" x14ac:dyDescent="0.15">
      <c r="A1986" s="3">
        <v>2011412430</v>
      </c>
      <c r="B1986" s="4" t="s">
        <v>4005</v>
      </c>
      <c r="C1986" s="3" t="s">
        <v>4006</v>
      </c>
    </row>
    <row r="1987" spans="1:3" ht="27" x14ac:dyDescent="0.15">
      <c r="A1987" s="3">
        <v>2011412433</v>
      </c>
      <c r="B1987" s="4" t="s">
        <v>4010</v>
      </c>
      <c r="C1987" s="3" t="s">
        <v>4011</v>
      </c>
    </row>
    <row r="1988" spans="1:3" ht="27" x14ac:dyDescent="0.15">
      <c r="A1988" s="3">
        <v>2011412434</v>
      </c>
      <c r="B1988" s="4" t="s">
        <v>4012</v>
      </c>
      <c r="C1988" s="3" t="s">
        <v>4013</v>
      </c>
    </row>
    <row r="1989" spans="1:3" x14ac:dyDescent="0.15">
      <c r="A1989" s="3">
        <v>2011412435</v>
      </c>
      <c r="B1989" s="4" t="s">
        <v>4014</v>
      </c>
      <c r="C1989" s="3" t="s">
        <v>4015</v>
      </c>
    </row>
    <row r="1990" spans="1:3" ht="27" x14ac:dyDescent="0.15">
      <c r="A1990" s="3">
        <v>2011412436</v>
      </c>
      <c r="B1990" s="4" t="s">
        <v>4016</v>
      </c>
      <c r="C1990" s="3" t="s">
        <v>4017</v>
      </c>
    </row>
    <row r="1991" spans="1:3" x14ac:dyDescent="0.15">
      <c r="A1991" s="3">
        <v>2011412437</v>
      </c>
      <c r="B1991" s="4" t="s">
        <v>4018</v>
      </c>
      <c r="C1991" s="3" t="s">
        <v>4019</v>
      </c>
    </row>
    <row r="1992" spans="1:3" ht="27" x14ac:dyDescent="0.15">
      <c r="A1992" s="3">
        <v>2011412438</v>
      </c>
      <c r="B1992" s="4" t="s">
        <v>4020</v>
      </c>
      <c r="C1992" s="3" t="s">
        <v>4021</v>
      </c>
    </row>
    <row r="1993" spans="1:3" ht="27" x14ac:dyDescent="0.15">
      <c r="A1993" s="3">
        <v>2008400861</v>
      </c>
      <c r="B1993" s="4" t="s">
        <v>998</v>
      </c>
      <c r="C1993" s="3" t="s">
        <v>999</v>
      </c>
    </row>
    <row r="1994" spans="1:3" ht="27" x14ac:dyDescent="0.15">
      <c r="A1994" s="3">
        <v>2011412432</v>
      </c>
      <c r="B1994" s="4" t="s">
        <v>4009</v>
      </c>
      <c r="C1994" s="3" t="s">
        <v>999</v>
      </c>
    </row>
    <row r="1995" spans="1:3" x14ac:dyDescent="0.15">
      <c r="A1995" s="3">
        <v>2011412439</v>
      </c>
      <c r="B1995" s="4" t="s">
        <v>4022</v>
      </c>
      <c r="C1995" s="3" t="s">
        <v>999</v>
      </c>
    </row>
    <row r="1996" spans="1:3" ht="27" x14ac:dyDescent="0.15">
      <c r="A1996" s="3">
        <v>2011412440</v>
      </c>
      <c r="B1996" s="4" t="s">
        <v>4023</v>
      </c>
      <c r="C1996" s="3" t="s">
        <v>4024</v>
      </c>
    </row>
    <row r="1997" spans="1:3" ht="27" x14ac:dyDescent="0.15">
      <c r="A1997" s="3">
        <v>2011412441</v>
      </c>
      <c r="B1997" s="4" t="s">
        <v>4025</v>
      </c>
      <c r="C1997" s="3" t="s">
        <v>4024</v>
      </c>
    </row>
    <row r="1998" spans="1:3" ht="27" x14ac:dyDescent="0.15">
      <c r="A1998" s="3">
        <v>2011412442</v>
      </c>
      <c r="B1998" s="4" t="s">
        <v>4026</v>
      </c>
      <c r="C1998" s="3" t="s">
        <v>4024</v>
      </c>
    </row>
    <row r="1999" spans="1:3" x14ac:dyDescent="0.15">
      <c r="A1999" s="3">
        <v>2011412446</v>
      </c>
      <c r="B1999" s="4" t="s">
        <v>4030</v>
      </c>
      <c r="C1999" s="3" t="s">
        <v>4031</v>
      </c>
    </row>
    <row r="2000" spans="1:3" ht="27" x14ac:dyDescent="0.15">
      <c r="A2000" s="3">
        <v>2011412447</v>
      </c>
      <c r="B2000" s="4" t="s">
        <v>4032</v>
      </c>
      <c r="C2000" s="3" t="s">
        <v>4033</v>
      </c>
    </row>
    <row r="2001" spans="1:3" x14ac:dyDescent="0.15">
      <c r="A2001" s="3">
        <v>2011412470</v>
      </c>
      <c r="B2001" s="4" t="s">
        <v>4070</v>
      </c>
      <c r="C2001" s="3" t="s">
        <v>4033</v>
      </c>
    </row>
    <row r="2002" spans="1:3" ht="27" x14ac:dyDescent="0.15">
      <c r="A2002" s="3">
        <v>2011413114</v>
      </c>
      <c r="B2002" s="4" t="s">
        <v>4875</v>
      </c>
      <c r="C2002" s="3" t="s">
        <v>4033</v>
      </c>
    </row>
    <row r="2003" spans="1:3" ht="27" x14ac:dyDescent="0.15">
      <c r="A2003" s="3">
        <v>2011413115</v>
      </c>
      <c r="B2003" s="4" t="s">
        <v>4875</v>
      </c>
      <c r="C2003" s="3" t="s">
        <v>4033</v>
      </c>
    </row>
    <row r="2004" spans="1:3" ht="27" x14ac:dyDescent="0.15">
      <c r="A2004" s="3">
        <v>2011412451</v>
      </c>
      <c r="B2004" s="4" t="s">
        <v>4039</v>
      </c>
      <c r="C2004" s="3" t="s">
        <v>4040</v>
      </c>
    </row>
    <row r="2005" spans="1:3" ht="27" x14ac:dyDescent="0.15">
      <c r="A2005" s="3">
        <v>2011412450</v>
      </c>
      <c r="B2005" s="4" t="s">
        <v>4037</v>
      </c>
      <c r="C2005" s="3" t="s">
        <v>4038</v>
      </c>
    </row>
    <row r="2006" spans="1:3" ht="27" x14ac:dyDescent="0.15">
      <c r="A2006" s="3">
        <v>2011412452</v>
      </c>
      <c r="B2006" s="4" t="s">
        <v>4041</v>
      </c>
      <c r="C2006" s="3" t="s">
        <v>4042</v>
      </c>
    </row>
    <row r="2007" spans="1:3" x14ac:dyDescent="0.15">
      <c r="A2007" s="3">
        <v>2011414210</v>
      </c>
      <c r="B2007" s="4" t="s">
        <v>6287</v>
      </c>
      <c r="C2007" s="3" t="s">
        <v>6288</v>
      </c>
    </row>
    <row r="2008" spans="1:3" x14ac:dyDescent="0.15">
      <c r="A2008" s="3">
        <v>2011412453</v>
      </c>
      <c r="B2008" s="4" t="s">
        <v>4043</v>
      </c>
      <c r="C2008" s="3" t="s">
        <v>4044</v>
      </c>
    </row>
    <row r="2009" spans="1:3" ht="27" x14ac:dyDescent="0.15">
      <c r="A2009" s="3">
        <v>2011412472</v>
      </c>
      <c r="B2009" s="4" t="s">
        <v>4072</v>
      </c>
      <c r="C2009" s="3" t="s">
        <v>4073</v>
      </c>
    </row>
    <row r="2010" spans="1:3" ht="27" x14ac:dyDescent="0.15">
      <c r="A2010" s="3">
        <v>2011412473</v>
      </c>
      <c r="B2010" s="4" t="s">
        <v>4074</v>
      </c>
      <c r="C2010" s="3" t="s">
        <v>4073</v>
      </c>
    </row>
    <row r="2011" spans="1:3" ht="27" x14ac:dyDescent="0.15">
      <c r="A2011" s="3">
        <v>2011412649</v>
      </c>
      <c r="B2011" s="4" t="s">
        <v>4298</v>
      </c>
      <c r="C2011" s="3" t="s">
        <v>4073</v>
      </c>
    </row>
    <row r="2012" spans="1:3" ht="27" x14ac:dyDescent="0.15">
      <c r="A2012" s="3">
        <v>2011412650</v>
      </c>
      <c r="B2012" s="4" t="s">
        <v>4298</v>
      </c>
      <c r="C2012" s="3" t="s">
        <v>4073</v>
      </c>
    </row>
    <row r="2013" spans="1:3" ht="27" x14ac:dyDescent="0.15">
      <c r="A2013" s="3">
        <v>2011411577</v>
      </c>
      <c r="B2013" s="4" t="s">
        <v>3006</v>
      </c>
      <c r="C2013" s="3" t="s">
        <v>3007</v>
      </c>
    </row>
    <row r="2014" spans="1:3" ht="27" x14ac:dyDescent="0.15">
      <c r="A2014" s="3">
        <v>2011412476</v>
      </c>
      <c r="B2014" s="4" t="s">
        <v>4079</v>
      </c>
      <c r="C2014" s="3" t="s">
        <v>4080</v>
      </c>
    </row>
    <row r="2015" spans="1:3" ht="27" x14ac:dyDescent="0.15">
      <c r="A2015" s="3">
        <v>2011412477</v>
      </c>
      <c r="B2015" s="4" t="s">
        <v>4081</v>
      </c>
      <c r="C2015" s="3" t="s">
        <v>4080</v>
      </c>
    </row>
    <row r="2016" spans="1:3" ht="27" x14ac:dyDescent="0.15">
      <c r="A2016" s="3">
        <v>2011412478</v>
      </c>
      <c r="B2016" s="4" t="s">
        <v>4082</v>
      </c>
      <c r="C2016" s="3" t="s">
        <v>4080</v>
      </c>
    </row>
    <row r="2017" spans="1:3" ht="27" x14ac:dyDescent="0.15">
      <c r="A2017" s="3">
        <v>2011412479</v>
      </c>
      <c r="B2017" s="4" t="s">
        <v>4083</v>
      </c>
      <c r="C2017" s="3" t="s">
        <v>4084</v>
      </c>
    </row>
    <row r="2018" spans="1:3" ht="27" x14ac:dyDescent="0.15">
      <c r="A2018" s="3">
        <v>2011412480</v>
      </c>
      <c r="B2018" s="4" t="s">
        <v>4085</v>
      </c>
      <c r="C2018" s="3" t="s">
        <v>4084</v>
      </c>
    </row>
    <row r="2019" spans="1:3" ht="27" x14ac:dyDescent="0.15">
      <c r="A2019" s="3">
        <v>2011412481</v>
      </c>
      <c r="B2019" s="4" t="s">
        <v>4086</v>
      </c>
      <c r="C2019" s="3" t="s">
        <v>4084</v>
      </c>
    </row>
    <row r="2020" spans="1:3" ht="27" x14ac:dyDescent="0.15">
      <c r="A2020" s="3">
        <v>2011412482</v>
      </c>
      <c r="B2020" s="4" t="s">
        <v>4087</v>
      </c>
      <c r="C2020" s="3" t="s">
        <v>4084</v>
      </c>
    </row>
    <row r="2021" spans="1:3" ht="27" x14ac:dyDescent="0.15">
      <c r="A2021" s="3">
        <v>2011412486</v>
      </c>
      <c r="B2021" s="4" t="s">
        <v>4092</v>
      </c>
      <c r="C2021" s="3" t="s">
        <v>4093</v>
      </c>
    </row>
    <row r="2022" spans="1:3" x14ac:dyDescent="0.15">
      <c r="A2022" s="3">
        <v>2011412487</v>
      </c>
      <c r="B2022" s="4" t="s">
        <v>4094</v>
      </c>
      <c r="C2022" s="3" t="s">
        <v>4093</v>
      </c>
    </row>
    <row r="2023" spans="1:3" ht="27" x14ac:dyDescent="0.15">
      <c r="A2023" s="3">
        <v>2011412610</v>
      </c>
      <c r="B2023" s="4" t="s">
        <v>4248</v>
      </c>
      <c r="C2023" s="3" t="s">
        <v>4093</v>
      </c>
    </row>
    <row r="2024" spans="1:3" x14ac:dyDescent="0.15">
      <c r="A2024" s="3">
        <v>2011412611</v>
      </c>
      <c r="B2024" s="4" t="s">
        <v>4249</v>
      </c>
      <c r="C2024" s="3" t="s">
        <v>4093</v>
      </c>
    </row>
    <row r="2025" spans="1:3" ht="27" x14ac:dyDescent="0.15">
      <c r="A2025" s="3">
        <v>2011412488</v>
      </c>
      <c r="B2025" s="4" t="s">
        <v>4095</v>
      </c>
      <c r="C2025" s="3" t="s">
        <v>4096</v>
      </c>
    </row>
    <row r="2026" spans="1:3" ht="27" x14ac:dyDescent="0.15">
      <c r="A2026" s="3">
        <v>2011412612</v>
      </c>
      <c r="B2026" s="4" t="s">
        <v>4250</v>
      </c>
      <c r="C2026" s="3" t="s">
        <v>4096</v>
      </c>
    </row>
    <row r="2027" spans="1:3" ht="27" x14ac:dyDescent="0.15">
      <c r="A2027" s="3">
        <v>2011412613</v>
      </c>
      <c r="B2027" s="4" t="s">
        <v>4251</v>
      </c>
      <c r="C2027" s="3" t="s">
        <v>4096</v>
      </c>
    </row>
    <row r="2028" spans="1:3" ht="27" x14ac:dyDescent="0.15">
      <c r="A2028" s="3">
        <v>2008400346</v>
      </c>
      <c r="B2028" s="4" t="s">
        <v>415</v>
      </c>
      <c r="C2028" s="3" t="s">
        <v>416</v>
      </c>
    </row>
    <row r="2029" spans="1:3" ht="27" x14ac:dyDescent="0.15">
      <c r="A2029" s="3">
        <v>2008400347</v>
      </c>
      <c r="B2029" s="4" t="s">
        <v>417</v>
      </c>
      <c r="C2029" s="3" t="s">
        <v>416</v>
      </c>
    </row>
    <row r="2030" spans="1:3" ht="27" x14ac:dyDescent="0.15">
      <c r="A2030" s="3">
        <v>2011412489</v>
      </c>
      <c r="B2030" s="4" t="s">
        <v>4097</v>
      </c>
      <c r="C2030" s="3" t="s">
        <v>4098</v>
      </c>
    </row>
    <row r="2031" spans="1:3" x14ac:dyDescent="0.15">
      <c r="A2031" s="3">
        <v>2011412614</v>
      </c>
      <c r="B2031" s="4" t="s">
        <v>4252</v>
      </c>
      <c r="C2031" s="3" t="s">
        <v>4253</v>
      </c>
    </row>
    <row r="2032" spans="1:3" ht="27" x14ac:dyDescent="0.15">
      <c r="A2032" s="3">
        <v>2008400348</v>
      </c>
      <c r="B2032" s="4" t="s">
        <v>418</v>
      </c>
      <c r="C2032" s="3" t="s">
        <v>419</v>
      </c>
    </row>
    <row r="2033" spans="1:3" ht="27" x14ac:dyDescent="0.15">
      <c r="A2033" s="3">
        <v>2011411181</v>
      </c>
      <c r="B2033" s="4" t="s">
        <v>2510</v>
      </c>
      <c r="C2033" s="3" t="s">
        <v>419</v>
      </c>
    </row>
    <row r="2034" spans="1:3" ht="27" x14ac:dyDescent="0.15">
      <c r="A2034" s="3">
        <v>2011411178</v>
      </c>
      <c r="B2034" s="4" t="s">
        <v>2510</v>
      </c>
      <c r="C2034" s="3" t="s">
        <v>2511</v>
      </c>
    </row>
    <row r="2035" spans="1:3" ht="27" x14ac:dyDescent="0.15">
      <c r="A2035" s="3">
        <v>2011412490</v>
      </c>
      <c r="B2035" s="4" t="s">
        <v>4099</v>
      </c>
      <c r="C2035" s="3" t="s">
        <v>2511</v>
      </c>
    </row>
    <row r="2036" spans="1:3" ht="27" x14ac:dyDescent="0.15">
      <c r="A2036" s="3">
        <v>2011412491</v>
      </c>
      <c r="B2036" s="4" t="s">
        <v>4100</v>
      </c>
      <c r="C2036" s="3" t="s">
        <v>2511</v>
      </c>
    </row>
    <row r="2037" spans="1:3" ht="27" x14ac:dyDescent="0.15">
      <c r="A2037" s="3">
        <v>2011412492</v>
      </c>
      <c r="B2037" s="4" t="s">
        <v>4100</v>
      </c>
      <c r="C2037" s="3" t="s">
        <v>2511</v>
      </c>
    </row>
    <row r="2038" spans="1:3" ht="27" x14ac:dyDescent="0.15">
      <c r="A2038" s="3">
        <v>2011412493</v>
      </c>
      <c r="B2038" s="4" t="s">
        <v>4101</v>
      </c>
      <c r="C2038" s="3" t="s">
        <v>2511</v>
      </c>
    </row>
    <row r="2039" spans="1:3" ht="27" x14ac:dyDescent="0.15">
      <c r="A2039" s="3">
        <v>2011412494</v>
      </c>
      <c r="B2039" s="4" t="s">
        <v>4102</v>
      </c>
      <c r="C2039" s="3" t="s">
        <v>2511</v>
      </c>
    </row>
    <row r="2040" spans="1:3" ht="27" x14ac:dyDescent="0.15">
      <c r="A2040" s="3">
        <v>2011412495</v>
      </c>
      <c r="B2040" s="4" t="s">
        <v>4103</v>
      </c>
      <c r="C2040" s="3" t="s">
        <v>2511</v>
      </c>
    </row>
    <row r="2041" spans="1:3" ht="27" x14ac:dyDescent="0.15">
      <c r="A2041" s="3">
        <v>2011412496</v>
      </c>
      <c r="B2041" s="4" t="s">
        <v>4104</v>
      </c>
      <c r="C2041" s="3" t="s">
        <v>2511</v>
      </c>
    </row>
    <row r="2042" spans="1:3" ht="40.5" x14ac:dyDescent="0.15">
      <c r="A2042" s="3">
        <v>2011410040</v>
      </c>
      <c r="B2042" s="4" t="s">
        <v>1121</v>
      </c>
      <c r="C2042" s="3" t="s">
        <v>1122</v>
      </c>
    </row>
    <row r="2043" spans="1:3" ht="27" x14ac:dyDescent="0.15">
      <c r="A2043" s="3">
        <v>2011413043</v>
      </c>
      <c r="B2043" s="4" t="s">
        <v>4777</v>
      </c>
      <c r="C2043" s="3" t="s">
        <v>1122</v>
      </c>
    </row>
    <row r="2044" spans="1:3" ht="27" x14ac:dyDescent="0.15">
      <c r="A2044" s="3">
        <v>2011412519</v>
      </c>
      <c r="B2044" s="4" t="s">
        <v>4128</v>
      </c>
      <c r="C2044" s="3" t="s">
        <v>4129</v>
      </c>
    </row>
    <row r="2045" spans="1:3" x14ac:dyDescent="0.15">
      <c r="A2045" s="3">
        <v>2011412521</v>
      </c>
      <c r="B2045" s="4" t="s">
        <v>4132</v>
      </c>
      <c r="C2045" s="3" t="s">
        <v>4133</v>
      </c>
    </row>
    <row r="2046" spans="1:3" ht="27" x14ac:dyDescent="0.15">
      <c r="A2046" s="3">
        <v>2011412621</v>
      </c>
      <c r="B2046" s="4" t="s">
        <v>4260</v>
      </c>
      <c r="C2046" s="3" t="s">
        <v>4133</v>
      </c>
    </row>
    <row r="2047" spans="1:3" ht="27" x14ac:dyDescent="0.15">
      <c r="A2047" s="3">
        <v>2011412622</v>
      </c>
      <c r="B2047" s="4" t="s">
        <v>4261</v>
      </c>
      <c r="C2047" s="3" t="s">
        <v>4262</v>
      </c>
    </row>
    <row r="2048" spans="1:3" ht="27" x14ac:dyDescent="0.15">
      <c r="A2048" s="3">
        <v>2011414358</v>
      </c>
      <c r="B2048" s="4" t="s">
        <v>4261</v>
      </c>
      <c r="C2048" s="3" t="s">
        <v>4262</v>
      </c>
    </row>
    <row r="2049" spans="1:3" x14ac:dyDescent="0.15">
      <c r="A2049" s="3">
        <v>2011412525</v>
      </c>
      <c r="B2049" s="4" t="s">
        <v>4138</v>
      </c>
      <c r="C2049" s="3" t="s">
        <v>4139</v>
      </c>
    </row>
    <row r="2050" spans="1:3" x14ac:dyDescent="0.15">
      <c r="A2050" s="3">
        <v>2011412526</v>
      </c>
      <c r="B2050" s="4" t="s">
        <v>4138</v>
      </c>
      <c r="C2050" s="3" t="s">
        <v>4139</v>
      </c>
    </row>
    <row r="2051" spans="1:3" x14ac:dyDescent="0.15">
      <c r="A2051" s="3">
        <v>2011412527</v>
      </c>
      <c r="B2051" s="4" t="s">
        <v>4140</v>
      </c>
      <c r="C2051" s="3" t="s">
        <v>4139</v>
      </c>
    </row>
    <row r="2052" spans="1:3" x14ac:dyDescent="0.15">
      <c r="A2052" s="3">
        <v>2011412528</v>
      </c>
      <c r="B2052" s="4" t="s">
        <v>4141</v>
      </c>
      <c r="C2052" s="3" t="s">
        <v>4139</v>
      </c>
    </row>
    <row r="2053" spans="1:3" x14ac:dyDescent="0.15">
      <c r="A2053" s="3">
        <v>2011412529</v>
      </c>
      <c r="B2053" s="4" t="s">
        <v>4142</v>
      </c>
      <c r="C2053" s="3" t="s">
        <v>4139</v>
      </c>
    </row>
    <row r="2054" spans="1:3" x14ac:dyDescent="0.15">
      <c r="A2054" s="3">
        <v>2011412530</v>
      </c>
      <c r="B2054" s="4" t="s">
        <v>4143</v>
      </c>
      <c r="C2054" s="3" t="s">
        <v>4139</v>
      </c>
    </row>
    <row r="2055" spans="1:3" x14ac:dyDescent="0.15">
      <c r="A2055" s="3">
        <v>2011412531</v>
      </c>
      <c r="B2055" s="4" t="s">
        <v>4144</v>
      </c>
      <c r="C2055" s="3" t="s">
        <v>4139</v>
      </c>
    </row>
    <row r="2056" spans="1:3" x14ac:dyDescent="0.15">
      <c r="A2056" s="3">
        <v>2011412532</v>
      </c>
      <c r="B2056" s="4" t="s">
        <v>4145</v>
      </c>
      <c r="C2056" s="3" t="s">
        <v>4139</v>
      </c>
    </row>
    <row r="2057" spans="1:3" ht="27" x14ac:dyDescent="0.15">
      <c r="A2057" s="3">
        <v>2008400349</v>
      </c>
      <c r="B2057" s="4" t="s">
        <v>420</v>
      </c>
      <c r="C2057" s="3" t="s">
        <v>421</v>
      </c>
    </row>
    <row r="2058" spans="1:3" ht="27" x14ac:dyDescent="0.15">
      <c r="A2058" s="3">
        <v>2011412539</v>
      </c>
      <c r="B2058" s="4" t="s">
        <v>4154</v>
      </c>
      <c r="C2058" s="3" t="s">
        <v>421</v>
      </c>
    </row>
    <row r="2059" spans="1:3" x14ac:dyDescent="0.15">
      <c r="A2059" s="3">
        <v>2011412540</v>
      </c>
      <c r="B2059" s="4" t="s">
        <v>4155</v>
      </c>
      <c r="C2059" s="3" t="s">
        <v>421</v>
      </c>
    </row>
    <row r="2060" spans="1:3" x14ac:dyDescent="0.15">
      <c r="A2060" s="3">
        <v>2011412624</v>
      </c>
      <c r="B2060" s="4" t="s">
        <v>4265</v>
      </c>
      <c r="C2060" s="3" t="s">
        <v>421</v>
      </c>
    </row>
    <row r="2061" spans="1:3" x14ac:dyDescent="0.15">
      <c r="A2061" s="3">
        <v>2011412625</v>
      </c>
      <c r="B2061" s="4" t="s">
        <v>4266</v>
      </c>
      <c r="C2061" s="3" t="s">
        <v>421</v>
      </c>
    </row>
    <row r="2062" spans="1:3" x14ac:dyDescent="0.15">
      <c r="A2062" s="3">
        <v>2011412571</v>
      </c>
      <c r="B2062" s="4" t="s">
        <v>4194</v>
      </c>
      <c r="C2062" s="3" t="s">
        <v>4195</v>
      </c>
    </row>
    <row r="2063" spans="1:3" ht="27" x14ac:dyDescent="0.15">
      <c r="A2063" s="3">
        <v>2011412549</v>
      </c>
      <c r="B2063" s="4" t="s">
        <v>4169</v>
      </c>
      <c r="C2063" s="3" t="s">
        <v>4170</v>
      </c>
    </row>
    <row r="2064" spans="1:3" ht="27" x14ac:dyDescent="0.15">
      <c r="A2064" s="3">
        <v>2011412550</v>
      </c>
      <c r="B2064" s="4" t="s">
        <v>4171</v>
      </c>
      <c r="C2064" s="3" t="s">
        <v>4170</v>
      </c>
    </row>
    <row r="2065" spans="1:3" ht="27" x14ac:dyDescent="0.15">
      <c r="A2065" s="3">
        <v>2008400350</v>
      </c>
      <c r="B2065" s="4" t="s">
        <v>422</v>
      </c>
      <c r="C2065" s="3" t="s">
        <v>423</v>
      </c>
    </row>
    <row r="2066" spans="1:3" ht="27" x14ac:dyDescent="0.15">
      <c r="A2066" s="3">
        <v>2008400653</v>
      </c>
      <c r="B2066" s="4" t="s">
        <v>779</v>
      </c>
      <c r="C2066" s="3" t="s">
        <v>423</v>
      </c>
    </row>
    <row r="2067" spans="1:3" ht="40.5" x14ac:dyDescent="0.15">
      <c r="A2067" s="3">
        <v>2011412551</v>
      </c>
      <c r="B2067" s="4" t="s">
        <v>4172</v>
      </c>
      <c r="C2067" s="3" t="s">
        <v>423</v>
      </c>
    </row>
    <row r="2068" spans="1:3" ht="27" x14ac:dyDescent="0.15">
      <c r="A2068" s="3">
        <v>2011412552</v>
      </c>
      <c r="B2068" s="4" t="s">
        <v>4173</v>
      </c>
      <c r="C2068" s="3" t="s">
        <v>423</v>
      </c>
    </row>
    <row r="2069" spans="1:3" ht="27" x14ac:dyDescent="0.15">
      <c r="A2069" s="3">
        <v>2011412553</v>
      </c>
      <c r="B2069" s="4" t="s">
        <v>4174</v>
      </c>
      <c r="C2069" s="3" t="s">
        <v>423</v>
      </c>
    </row>
    <row r="2070" spans="1:3" ht="27" x14ac:dyDescent="0.15">
      <c r="A2070" s="3">
        <v>2011412554</v>
      </c>
      <c r="B2070" s="4" t="s">
        <v>779</v>
      </c>
      <c r="C2070" s="3" t="s">
        <v>423</v>
      </c>
    </row>
    <row r="2071" spans="1:3" ht="27" x14ac:dyDescent="0.15">
      <c r="A2071" s="3">
        <v>2011412555</v>
      </c>
      <c r="B2071" s="4" t="s">
        <v>4175</v>
      </c>
      <c r="C2071" s="3" t="s">
        <v>423</v>
      </c>
    </row>
    <row r="2072" spans="1:3" ht="27" x14ac:dyDescent="0.15">
      <c r="A2072" s="3">
        <v>2011412556</v>
      </c>
      <c r="B2072" s="4" t="s">
        <v>4176</v>
      </c>
      <c r="C2072" s="3" t="s">
        <v>423</v>
      </c>
    </row>
    <row r="2073" spans="1:3" ht="40.5" x14ac:dyDescent="0.15">
      <c r="A2073" s="3">
        <v>2011412557</v>
      </c>
      <c r="B2073" s="4" t="s">
        <v>4177</v>
      </c>
      <c r="C2073" s="3" t="s">
        <v>423</v>
      </c>
    </row>
    <row r="2074" spans="1:3" ht="27" x14ac:dyDescent="0.15">
      <c r="A2074" s="3">
        <v>2011412558</v>
      </c>
      <c r="B2074" s="4" t="s">
        <v>4178</v>
      </c>
      <c r="C2074" s="3" t="s">
        <v>423</v>
      </c>
    </row>
    <row r="2075" spans="1:3" ht="27" x14ac:dyDescent="0.15">
      <c r="A2075" s="3">
        <v>2011412559</v>
      </c>
      <c r="B2075" s="4" t="s">
        <v>4179</v>
      </c>
      <c r="C2075" s="3" t="s">
        <v>423</v>
      </c>
    </row>
    <row r="2076" spans="1:3" ht="27" x14ac:dyDescent="0.15">
      <c r="A2076" s="3">
        <v>2011412560</v>
      </c>
      <c r="B2076" s="4" t="s">
        <v>4180</v>
      </c>
      <c r="C2076" s="3" t="s">
        <v>423</v>
      </c>
    </row>
    <row r="2077" spans="1:3" ht="27" x14ac:dyDescent="0.15">
      <c r="A2077" s="3">
        <v>2011412561</v>
      </c>
      <c r="B2077" s="4" t="s">
        <v>4181</v>
      </c>
      <c r="C2077" s="3" t="s">
        <v>423</v>
      </c>
    </row>
    <row r="2078" spans="1:3" ht="27" x14ac:dyDescent="0.15">
      <c r="A2078" s="3">
        <v>2011412562</v>
      </c>
      <c r="B2078" s="4" t="s">
        <v>4181</v>
      </c>
      <c r="C2078" s="3" t="s">
        <v>423</v>
      </c>
    </row>
    <row r="2079" spans="1:3" ht="27" x14ac:dyDescent="0.15">
      <c r="A2079" s="3">
        <v>2011412563</v>
      </c>
      <c r="B2079" s="4" t="s">
        <v>4182</v>
      </c>
      <c r="C2079" s="3" t="s">
        <v>423</v>
      </c>
    </row>
    <row r="2080" spans="1:3" ht="27" x14ac:dyDescent="0.15">
      <c r="A2080" s="3">
        <v>2011412564</v>
      </c>
      <c r="B2080" s="4" t="s">
        <v>4183</v>
      </c>
      <c r="C2080" s="3" t="s">
        <v>423</v>
      </c>
    </row>
    <row r="2081" spans="1:3" ht="27" x14ac:dyDescent="0.15">
      <c r="A2081" s="3">
        <v>2011412565</v>
      </c>
      <c r="B2081" s="4" t="s">
        <v>4184</v>
      </c>
      <c r="C2081" s="3" t="s">
        <v>423</v>
      </c>
    </row>
    <row r="2082" spans="1:3" ht="27" x14ac:dyDescent="0.15">
      <c r="A2082" s="3">
        <v>2011412566</v>
      </c>
      <c r="B2082" s="4" t="s">
        <v>4185</v>
      </c>
      <c r="C2082" s="3" t="s">
        <v>423</v>
      </c>
    </row>
    <row r="2083" spans="1:3" ht="27" x14ac:dyDescent="0.15">
      <c r="A2083" s="3">
        <v>2011412631</v>
      </c>
      <c r="B2083" s="4" t="s">
        <v>4276</v>
      </c>
      <c r="C2083" s="3" t="s">
        <v>423</v>
      </c>
    </row>
    <row r="2084" spans="1:3" ht="27" x14ac:dyDescent="0.15">
      <c r="A2084" s="3">
        <v>2011412632</v>
      </c>
      <c r="B2084" s="4" t="s">
        <v>4277</v>
      </c>
      <c r="C2084" s="3" t="s">
        <v>423</v>
      </c>
    </row>
    <row r="2085" spans="1:3" x14ac:dyDescent="0.15">
      <c r="A2085" s="3">
        <v>2011412633</v>
      </c>
      <c r="B2085" s="4" t="s">
        <v>4278</v>
      </c>
      <c r="C2085" s="3" t="s">
        <v>4279</v>
      </c>
    </row>
    <row r="2086" spans="1:3" ht="27" x14ac:dyDescent="0.15">
      <c r="A2086" s="3">
        <v>2011412569</v>
      </c>
      <c r="B2086" s="4" t="s">
        <v>4190</v>
      </c>
      <c r="C2086" s="3" t="s">
        <v>4191</v>
      </c>
    </row>
    <row r="2087" spans="1:3" ht="27" x14ac:dyDescent="0.15">
      <c r="A2087" s="3">
        <v>2011412568</v>
      </c>
      <c r="B2087" s="4" t="s">
        <v>4188</v>
      </c>
      <c r="C2087" s="3" t="s">
        <v>4189</v>
      </c>
    </row>
    <row r="2088" spans="1:3" ht="27" x14ac:dyDescent="0.15">
      <c r="A2088" s="3">
        <v>2011410727</v>
      </c>
      <c r="B2088" s="4" t="s">
        <v>2017</v>
      </c>
      <c r="C2088" s="3" t="s">
        <v>2018</v>
      </c>
    </row>
    <row r="2089" spans="1:3" ht="27" x14ac:dyDescent="0.15">
      <c r="A2089" s="3">
        <v>2011414359</v>
      </c>
      <c r="B2089" s="4" t="s">
        <v>6481</v>
      </c>
      <c r="C2089" s="3" t="s">
        <v>2018</v>
      </c>
    </row>
    <row r="2090" spans="1:3" ht="27" x14ac:dyDescent="0.15">
      <c r="A2090" s="3">
        <v>2011412580</v>
      </c>
      <c r="B2090" s="4" t="s">
        <v>4206</v>
      </c>
      <c r="C2090" s="3" t="s">
        <v>4207</v>
      </c>
    </row>
    <row r="2091" spans="1:3" x14ac:dyDescent="0.15">
      <c r="A2091" s="3">
        <v>2011412638</v>
      </c>
      <c r="B2091" s="4" t="s">
        <v>4284</v>
      </c>
      <c r="C2091" s="3" t="s">
        <v>4207</v>
      </c>
    </row>
    <row r="2092" spans="1:3" ht="27" x14ac:dyDescent="0.15">
      <c r="A2092" s="3">
        <v>2011412574</v>
      </c>
      <c r="B2092" s="4" t="s">
        <v>4199</v>
      </c>
      <c r="C2092" s="3" t="s">
        <v>4200</v>
      </c>
    </row>
    <row r="2093" spans="1:3" ht="27" x14ac:dyDescent="0.15">
      <c r="A2093" s="3">
        <v>2011412575</v>
      </c>
      <c r="B2093" s="4" t="s">
        <v>4201</v>
      </c>
      <c r="C2093" s="3" t="s">
        <v>4200</v>
      </c>
    </row>
    <row r="2094" spans="1:3" ht="27" x14ac:dyDescent="0.15">
      <c r="A2094" s="3">
        <v>2011412576</v>
      </c>
      <c r="B2094" s="4" t="s">
        <v>4202</v>
      </c>
      <c r="C2094" s="3" t="s">
        <v>4200</v>
      </c>
    </row>
    <row r="2095" spans="1:3" ht="27" x14ac:dyDescent="0.15">
      <c r="A2095" s="3">
        <v>2011412577</v>
      </c>
      <c r="B2095" s="4" t="s">
        <v>4203</v>
      </c>
      <c r="C2095" s="3" t="s">
        <v>4200</v>
      </c>
    </row>
    <row r="2096" spans="1:3" ht="40.5" x14ac:dyDescent="0.15">
      <c r="A2096" s="3">
        <v>2011412578</v>
      </c>
      <c r="B2096" s="4" t="s">
        <v>4204</v>
      </c>
      <c r="C2096" s="3" t="s">
        <v>4200</v>
      </c>
    </row>
    <row r="2097" spans="1:3" ht="27" x14ac:dyDescent="0.15">
      <c r="A2097" s="3">
        <v>2011412579</v>
      </c>
      <c r="B2097" s="4" t="s">
        <v>4205</v>
      </c>
      <c r="C2097" s="3" t="s">
        <v>4200</v>
      </c>
    </row>
    <row r="2098" spans="1:3" ht="40.5" x14ac:dyDescent="0.15">
      <c r="A2098" s="3">
        <v>2011412581</v>
      </c>
      <c r="B2098" s="4" t="s">
        <v>4208</v>
      </c>
      <c r="C2098" s="3" t="s">
        <v>4200</v>
      </c>
    </row>
    <row r="2099" spans="1:3" ht="40.5" x14ac:dyDescent="0.15">
      <c r="A2099" s="3">
        <v>2011412582</v>
      </c>
      <c r="B2099" s="4" t="s">
        <v>4209</v>
      </c>
      <c r="C2099" s="3" t="s">
        <v>4200</v>
      </c>
    </row>
    <row r="2100" spans="1:3" ht="27" x14ac:dyDescent="0.15">
      <c r="A2100" s="3">
        <v>2011412583</v>
      </c>
      <c r="B2100" s="4" t="s">
        <v>4210</v>
      </c>
      <c r="C2100" s="3" t="s">
        <v>4200</v>
      </c>
    </row>
    <row r="2101" spans="1:3" ht="27" x14ac:dyDescent="0.15">
      <c r="A2101" s="3">
        <v>2011412584</v>
      </c>
      <c r="B2101" s="4" t="s">
        <v>4211</v>
      </c>
      <c r="C2101" s="3" t="s">
        <v>4200</v>
      </c>
    </row>
    <row r="2102" spans="1:3" ht="27" x14ac:dyDescent="0.15">
      <c r="A2102" s="3">
        <v>2011412586</v>
      </c>
      <c r="B2102" s="4" t="s">
        <v>4214</v>
      </c>
      <c r="C2102" s="3" t="s">
        <v>4200</v>
      </c>
    </row>
    <row r="2103" spans="1:3" x14ac:dyDescent="0.15">
      <c r="A2103" s="3">
        <v>2011412587</v>
      </c>
      <c r="B2103" s="4" t="s">
        <v>4215</v>
      </c>
      <c r="C2103" s="3" t="s">
        <v>4200</v>
      </c>
    </row>
    <row r="2104" spans="1:3" ht="40.5" x14ac:dyDescent="0.15">
      <c r="A2104" s="3">
        <v>2011412636</v>
      </c>
      <c r="B2104" s="4" t="s">
        <v>4282</v>
      </c>
      <c r="C2104" s="3" t="s">
        <v>4200</v>
      </c>
    </row>
    <row r="2105" spans="1:3" ht="40.5" x14ac:dyDescent="0.15">
      <c r="A2105" s="3">
        <v>2011412637</v>
      </c>
      <c r="B2105" s="4" t="s">
        <v>4283</v>
      </c>
      <c r="C2105" s="3" t="s">
        <v>4200</v>
      </c>
    </row>
    <row r="2106" spans="1:3" ht="27" x14ac:dyDescent="0.15">
      <c r="A2106" s="3">
        <v>2011412639</v>
      </c>
      <c r="B2106" s="4" t="s">
        <v>4285</v>
      </c>
      <c r="C2106" s="3" t="s">
        <v>4200</v>
      </c>
    </row>
    <row r="2107" spans="1:3" ht="40.5" x14ac:dyDescent="0.15">
      <c r="A2107" s="3">
        <v>2011412642</v>
      </c>
      <c r="B2107" s="4" t="s">
        <v>4290</v>
      </c>
      <c r="C2107" s="3" t="s">
        <v>4200</v>
      </c>
    </row>
    <row r="2108" spans="1:3" ht="27" x14ac:dyDescent="0.15">
      <c r="A2108" s="3">
        <v>2011413971</v>
      </c>
      <c r="B2108" s="4" t="s">
        <v>5957</v>
      </c>
      <c r="C2108" s="3" t="s">
        <v>4200</v>
      </c>
    </row>
    <row r="2109" spans="1:3" ht="27" x14ac:dyDescent="0.15">
      <c r="A2109" s="3">
        <v>2011413972</v>
      </c>
      <c r="B2109" s="4" t="s">
        <v>5958</v>
      </c>
      <c r="C2109" s="3" t="s">
        <v>4200</v>
      </c>
    </row>
    <row r="2110" spans="1:3" ht="27" x14ac:dyDescent="0.15">
      <c r="A2110" s="3">
        <v>2011412602</v>
      </c>
      <c r="B2110" s="4" t="s">
        <v>4235</v>
      </c>
      <c r="C2110" s="3" t="s">
        <v>4236</v>
      </c>
    </row>
    <row r="2111" spans="1:3" ht="27" x14ac:dyDescent="0.15">
      <c r="A2111" s="3">
        <v>2011412603</v>
      </c>
      <c r="B2111" s="4" t="s">
        <v>4237</v>
      </c>
      <c r="C2111" s="3" t="s">
        <v>4236</v>
      </c>
    </row>
    <row r="2112" spans="1:3" ht="27" x14ac:dyDescent="0.15">
      <c r="A2112" s="3">
        <v>2008400352</v>
      </c>
      <c r="B2112" s="4" t="s">
        <v>426</v>
      </c>
      <c r="C2112" s="3" t="s">
        <v>427</v>
      </c>
    </row>
    <row r="2113" spans="1:3" ht="27" x14ac:dyDescent="0.15">
      <c r="A2113" s="3">
        <v>2008400353</v>
      </c>
      <c r="B2113" s="4" t="s">
        <v>428</v>
      </c>
      <c r="C2113" s="3" t="s">
        <v>427</v>
      </c>
    </row>
    <row r="2114" spans="1:3" ht="27" x14ac:dyDescent="0.15">
      <c r="A2114" s="3">
        <v>2008400354</v>
      </c>
      <c r="B2114" s="4" t="s">
        <v>429</v>
      </c>
      <c r="C2114" s="3" t="s">
        <v>427</v>
      </c>
    </row>
    <row r="2115" spans="1:3" ht="27" x14ac:dyDescent="0.15">
      <c r="A2115" s="3">
        <v>2008400355</v>
      </c>
      <c r="B2115" s="4" t="s">
        <v>430</v>
      </c>
      <c r="C2115" s="3" t="s">
        <v>427</v>
      </c>
    </row>
    <row r="2116" spans="1:3" ht="27" x14ac:dyDescent="0.15">
      <c r="A2116" s="3">
        <v>2008400356</v>
      </c>
      <c r="B2116" s="4" t="s">
        <v>431</v>
      </c>
      <c r="C2116" s="3" t="s">
        <v>427</v>
      </c>
    </row>
    <row r="2117" spans="1:3" ht="27" x14ac:dyDescent="0.15">
      <c r="A2117" s="3">
        <v>2008400357</v>
      </c>
      <c r="B2117" s="4" t="s">
        <v>432</v>
      </c>
      <c r="C2117" s="3" t="s">
        <v>427</v>
      </c>
    </row>
    <row r="2118" spans="1:3" ht="27" x14ac:dyDescent="0.15">
      <c r="A2118" s="3">
        <v>2008400358</v>
      </c>
      <c r="B2118" s="4" t="s">
        <v>433</v>
      </c>
      <c r="C2118" s="3" t="s">
        <v>427</v>
      </c>
    </row>
    <row r="2119" spans="1:3" ht="27" x14ac:dyDescent="0.15">
      <c r="A2119" s="3">
        <v>2008400359</v>
      </c>
      <c r="B2119" s="4" t="s">
        <v>434</v>
      </c>
      <c r="C2119" s="3" t="s">
        <v>427</v>
      </c>
    </row>
    <row r="2120" spans="1:3" x14ac:dyDescent="0.15">
      <c r="A2120" s="3">
        <v>2008400360</v>
      </c>
      <c r="B2120" s="4" t="s">
        <v>435</v>
      </c>
      <c r="C2120" s="3" t="s">
        <v>427</v>
      </c>
    </row>
    <row r="2121" spans="1:3" x14ac:dyDescent="0.15">
      <c r="A2121" s="3">
        <v>2008400361</v>
      </c>
      <c r="B2121" s="4" t="s">
        <v>436</v>
      </c>
      <c r="C2121" s="3" t="s">
        <v>427</v>
      </c>
    </row>
    <row r="2122" spans="1:3" ht="27" x14ac:dyDescent="0.15">
      <c r="A2122" s="3">
        <v>2008400362</v>
      </c>
      <c r="B2122" s="4" t="s">
        <v>437</v>
      </c>
      <c r="C2122" s="3" t="s">
        <v>427</v>
      </c>
    </row>
    <row r="2123" spans="1:3" ht="27" x14ac:dyDescent="0.15">
      <c r="A2123" s="3">
        <v>2008400363</v>
      </c>
      <c r="B2123" s="4" t="s">
        <v>438</v>
      </c>
      <c r="C2123" s="3" t="s">
        <v>427</v>
      </c>
    </row>
    <row r="2124" spans="1:3" ht="27" x14ac:dyDescent="0.15">
      <c r="A2124" s="3">
        <v>2008400364</v>
      </c>
      <c r="B2124" s="4" t="s">
        <v>439</v>
      </c>
      <c r="C2124" s="3" t="s">
        <v>427</v>
      </c>
    </row>
    <row r="2125" spans="1:3" x14ac:dyDescent="0.15">
      <c r="A2125" s="3">
        <v>2008400365</v>
      </c>
      <c r="B2125" s="4" t="s">
        <v>440</v>
      </c>
      <c r="C2125" s="3" t="s">
        <v>427</v>
      </c>
    </row>
    <row r="2126" spans="1:3" ht="27" x14ac:dyDescent="0.15">
      <c r="A2126" s="3">
        <v>2008400366</v>
      </c>
      <c r="B2126" s="4" t="s">
        <v>441</v>
      </c>
      <c r="C2126" s="3" t="s">
        <v>427</v>
      </c>
    </row>
    <row r="2127" spans="1:3" ht="40.5" x14ac:dyDescent="0.15">
      <c r="A2127" s="3">
        <v>2008400367</v>
      </c>
      <c r="B2127" s="4" t="s">
        <v>442</v>
      </c>
      <c r="C2127" s="3" t="s">
        <v>427</v>
      </c>
    </row>
    <row r="2128" spans="1:3" ht="27" x14ac:dyDescent="0.15">
      <c r="A2128" s="3">
        <v>2008400368</v>
      </c>
      <c r="B2128" s="4" t="s">
        <v>443</v>
      </c>
      <c r="C2128" s="3" t="s">
        <v>427</v>
      </c>
    </row>
    <row r="2129" spans="1:3" ht="27" x14ac:dyDescent="0.15">
      <c r="A2129" s="3">
        <v>2008400401</v>
      </c>
      <c r="B2129" s="4" t="s">
        <v>482</v>
      </c>
      <c r="C2129" s="3" t="s">
        <v>427</v>
      </c>
    </row>
    <row r="2130" spans="1:3" x14ac:dyDescent="0.15">
      <c r="A2130" s="3">
        <v>2011412825</v>
      </c>
      <c r="B2130" s="4" t="s">
        <v>4491</v>
      </c>
      <c r="C2130" s="3" t="s">
        <v>427</v>
      </c>
    </row>
    <row r="2131" spans="1:3" x14ac:dyDescent="0.15">
      <c r="A2131" s="3">
        <v>2011412826</v>
      </c>
      <c r="B2131" s="4" t="s">
        <v>4492</v>
      </c>
      <c r="C2131" s="3" t="s">
        <v>427</v>
      </c>
    </row>
    <row r="2132" spans="1:3" ht="27" x14ac:dyDescent="0.15">
      <c r="A2132" s="3">
        <v>2011412827</v>
      </c>
      <c r="B2132" s="4" t="s">
        <v>4493</v>
      </c>
      <c r="C2132" s="3" t="s">
        <v>427</v>
      </c>
    </row>
    <row r="2133" spans="1:3" ht="27" x14ac:dyDescent="0.15">
      <c r="A2133" s="3">
        <v>2011412828</v>
      </c>
      <c r="B2133" s="4" t="s">
        <v>432</v>
      </c>
      <c r="C2133" s="3" t="s">
        <v>427</v>
      </c>
    </row>
    <row r="2134" spans="1:3" x14ac:dyDescent="0.15">
      <c r="A2134" s="3">
        <v>2011412829</v>
      </c>
      <c r="B2134" s="4" t="s">
        <v>4494</v>
      </c>
      <c r="C2134" s="3" t="s">
        <v>427</v>
      </c>
    </row>
    <row r="2135" spans="1:3" x14ac:dyDescent="0.15">
      <c r="A2135" s="3">
        <v>2011412831</v>
      </c>
      <c r="B2135" s="4" t="s">
        <v>4497</v>
      </c>
      <c r="C2135" s="3" t="s">
        <v>427</v>
      </c>
    </row>
    <row r="2136" spans="1:3" x14ac:dyDescent="0.15">
      <c r="A2136" s="3">
        <v>2011412832</v>
      </c>
      <c r="B2136" s="4" t="s">
        <v>4498</v>
      </c>
      <c r="C2136" s="3" t="s">
        <v>427</v>
      </c>
    </row>
    <row r="2137" spans="1:3" x14ac:dyDescent="0.15">
      <c r="A2137" s="3">
        <v>2011412833</v>
      </c>
      <c r="B2137" s="4" t="s">
        <v>4499</v>
      </c>
      <c r="C2137" s="3" t="s">
        <v>427</v>
      </c>
    </row>
    <row r="2138" spans="1:3" x14ac:dyDescent="0.15">
      <c r="A2138" s="3">
        <v>2011412834</v>
      </c>
      <c r="B2138" s="4" t="s">
        <v>4500</v>
      </c>
      <c r="C2138" s="3" t="s">
        <v>427</v>
      </c>
    </row>
    <row r="2139" spans="1:3" ht="27" x14ac:dyDescent="0.15">
      <c r="A2139" s="3">
        <v>2011412835</v>
      </c>
      <c r="B2139" s="4" t="s">
        <v>439</v>
      </c>
      <c r="C2139" s="3" t="s">
        <v>427</v>
      </c>
    </row>
    <row r="2140" spans="1:3" x14ac:dyDescent="0.15">
      <c r="A2140" s="3">
        <v>2011412836</v>
      </c>
      <c r="B2140" s="4" t="s">
        <v>4501</v>
      </c>
      <c r="C2140" s="3" t="s">
        <v>427</v>
      </c>
    </row>
    <row r="2141" spans="1:3" x14ac:dyDescent="0.15">
      <c r="A2141" s="3">
        <v>2011412837</v>
      </c>
      <c r="B2141" s="4" t="s">
        <v>4502</v>
      </c>
      <c r="C2141" s="3" t="s">
        <v>427</v>
      </c>
    </row>
    <row r="2142" spans="1:3" x14ac:dyDescent="0.15">
      <c r="A2142" s="3">
        <v>2011412838</v>
      </c>
      <c r="B2142" s="4" t="s">
        <v>4503</v>
      </c>
      <c r="C2142" s="3" t="s">
        <v>427</v>
      </c>
    </row>
    <row r="2143" spans="1:3" ht="27" x14ac:dyDescent="0.15">
      <c r="A2143" s="3">
        <v>2011412839</v>
      </c>
      <c r="B2143" s="4" t="s">
        <v>4504</v>
      </c>
      <c r="C2143" s="3" t="s">
        <v>427</v>
      </c>
    </row>
    <row r="2144" spans="1:3" ht="27" x14ac:dyDescent="0.15">
      <c r="A2144" s="3">
        <v>2011412840</v>
      </c>
      <c r="B2144" s="4" t="s">
        <v>482</v>
      </c>
      <c r="C2144" s="3" t="s">
        <v>427</v>
      </c>
    </row>
    <row r="2145" spans="1:3" ht="27" x14ac:dyDescent="0.15">
      <c r="A2145" s="3">
        <v>2011412845</v>
      </c>
      <c r="B2145" s="4" t="s">
        <v>443</v>
      </c>
      <c r="C2145" s="3" t="s">
        <v>427</v>
      </c>
    </row>
    <row r="2146" spans="1:3" ht="27" x14ac:dyDescent="0.15">
      <c r="A2146" s="3">
        <v>2011412846</v>
      </c>
      <c r="B2146" s="4" t="s">
        <v>4509</v>
      </c>
      <c r="C2146" s="3" t="s">
        <v>427</v>
      </c>
    </row>
    <row r="2147" spans="1:3" ht="27" x14ac:dyDescent="0.15">
      <c r="A2147" s="3">
        <v>2011412847</v>
      </c>
      <c r="B2147" s="4" t="s">
        <v>4510</v>
      </c>
      <c r="C2147" s="3" t="s">
        <v>427</v>
      </c>
    </row>
    <row r="2148" spans="1:3" ht="27" x14ac:dyDescent="0.15">
      <c r="A2148" s="3">
        <v>2011412848</v>
      </c>
      <c r="B2148" s="4" t="s">
        <v>4511</v>
      </c>
      <c r="C2148" s="3" t="s">
        <v>427</v>
      </c>
    </row>
    <row r="2149" spans="1:3" x14ac:dyDescent="0.15">
      <c r="A2149" s="3">
        <v>2011412860</v>
      </c>
      <c r="B2149" s="4" t="s">
        <v>4524</v>
      </c>
      <c r="C2149" s="3" t="s">
        <v>427</v>
      </c>
    </row>
    <row r="2150" spans="1:3" x14ac:dyDescent="0.15">
      <c r="A2150" s="3">
        <v>2011413047</v>
      </c>
      <c r="B2150" s="4" t="s">
        <v>4780</v>
      </c>
      <c r="C2150" s="3" t="s">
        <v>427</v>
      </c>
    </row>
    <row r="2151" spans="1:3" x14ac:dyDescent="0.15">
      <c r="A2151" s="3">
        <v>2011413049</v>
      </c>
      <c r="B2151" s="4" t="s">
        <v>4782</v>
      </c>
      <c r="C2151" s="3" t="s">
        <v>427</v>
      </c>
    </row>
    <row r="2152" spans="1:3" x14ac:dyDescent="0.15">
      <c r="A2152" s="3">
        <v>2011413052</v>
      </c>
      <c r="B2152" s="4" t="s">
        <v>4785</v>
      </c>
      <c r="C2152" s="3" t="s">
        <v>427</v>
      </c>
    </row>
    <row r="2153" spans="1:3" x14ac:dyDescent="0.15">
      <c r="A2153" s="3">
        <v>2011413053</v>
      </c>
      <c r="B2153" s="4" t="s">
        <v>4786</v>
      </c>
      <c r="C2153" s="3" t="s">
        <v>427</v>
      </c>
    </row>
    <row r="2154" spans="1:3" ht="27" x14ac:dyDescent="0.15">
      <c r="A2154" s="3">
        <v>2011412972</v>
      </c>
      <c r="B2154" s="4" t="s">
        <v>4673</v>
      </c>
      <c r="C2154" s="3" t="s">
        <v>4674</v>
      </c>
    </row>
    <row r="2155" spans="1:3" ht="40.5" x14ac:dyDescent="0.15">
      <c r="A2155" s="3">
        <v>2011412973</v>
      </c>
      <c r="B2155" s="4" t="s">
        <v>4675</v>
      </c>
      <c r="C2155" s="3" t="s">
        <v>4674</v>
      </c>
    </row>
    <row r="2156" spans="1:3" ht="40.5" x14ac:dyDescent="0.15">
      <c r="A2156" s="3">
        <v>2011412974</v>
      </c>
      <c r="B2156" s="4" t="s">
        <v>4675</v>
      </c>
      <c r="C2156" s="3" t="s">
        <v>4674</v>
      </c>
    </row>
    <row r="2157" spans="1:3" ht="27" x14ac:dyDescent="0.15">
      <c r="A2157" s="3">
        <v>2011414360</v>
      </c>
      <c r="B2157" s="4" t="s">
        <v>6482</v>
      </c>
      <c r="C2157" s="3" t="s">
        <v>6483</v>
      </c>
    </row>
    <row r="2158" spans="1:3" x14ac:dyDescent="0.15">
      <c r="A2158" s="3">
        <v>2011410072</v>
      </c>
      <c r="B2158" s="4" t="s">
        <v>1173</v>
      </c>
      <c r="C2158" s="3" t="s">
        <v>1174</v>
      </c>
    </row>
    <row r="2159" spans="1:3" ht="27" x14ac:dyDescent="0.15">
      <c r="A2159" s="3">
        <v>2011410069</v>
      </c>
      <c r="B2159" s="4" t="s">
        <v>1169</v>
      </c>
      <c r="C2159" s="3" t="s">
        <v>1170</v>
      </c>
    </row>
    <row r="2160" spans="1:3" ht="27" x14ac:dyDescent="0.15">
      <c r="A2160" s="3">
        <v>2011410071</v>
      </c>
      <c r="B2160" s="4" t="s">
        <v>1172</v>
      </c>
      <c r="C2160" s="3" t="s">
        <v>1170</v>
      </c>
    </row>
    <row r="2161" spans="1:3" ht="27" x14ac:dyDescent="0.15">
      <c r="A2161" s="3">
        <v>2011412977</v>
      </c>
      <c r="B2161" s="4" t="s">
        <v>4678</v>
      </c>
      <c r="C2161" s="3" t="s">
        <v>1170</v>
      </c>
    </row>
    <row r="2162" spans="1:3" ht="27" x14ac:dyDescent="0.15">
      <c r="A2162" s="3">
        <v>2011412978</v>
      </c>
      <c r="B2162" s="4" t="s">
        <v>4678</v>
      </c>
      <c r="C2162" s="3" t="s">
        <v>1170</v>
      </c>
    </row>
    <row r="2163" spans="1:3" ht="27" x14ac:dyDescent="0.15">
      <c r="A2163" s="3">
        <v>2011414362</v>
      </c>
      <c r="B2163" s="4" t="s">
        <v>4678</v>
      </c>
      <c r="C2163" s="3" t="s">
        <v>1170</v>
      </c>
    </row>
    <row r="2164" spans="1:3" ht="27" x14ac:dyDescent="0.15">
      <c r="A2164" s="3">
        <v>2011412713</v>
      </c>
      <c r="B2164" s="4" t="s">
        <v>4360</v>
      </c>
      <c r="C2164" s="3" t="s">
        <v>4361</v>
      </c>
    </row>
    <row r="2165" spans="1:3" ht="27" x14ac:dyDescent="0.15">
      <c r="A2165" s="3">
        <v>2011412970</v>
      </c>
      <c r="B2165" s="4" t="s">
        <v>4360</v>
      </c>
      <c r="C2165" s="3" t="s">
        <v>4361</v>
      </c>
    </row>
    <row r="2166" spans="1:3" ht="27" x14ac:dyDescent="0.15">
      <c r="A2166" s="3">
        <v>2011412971</v>
      </c>
      <c r="B2166" s="4" t="s">
        <v>4360</v>
      </c>
      <c r="C2166" s="3" t="s">
        <v>4361</v>
      </c>
    </row>
    <row r="2167" spans="1:3" ht="27" x14ac:dyDescent="0.15">
      <c r="A2167" s="3">
        <v>2008400402</v>
      </c>
      <c r="B2167" s="4" t="s">
        <v>483</v>
      </c>
      <c r="C2167" s="3" t="s">
        <v>484</v>
      </c>
    </row>
    <row r="2168" spans="1:3" ht="27" x14ac:dyDescent="0.15">
      <c r="A2168" s="3">
        <v>2008400403</v>
      </c>
      <c r="B2168" s="4" t="s">
        <v>485</v>
      </c>
      <c r="C2168" s="3" t="s">
        <v>484</v>
      </c>
    </row>
    <row r="2169" spans="1:3" ht="27" x14ac:dyDescent="0.15">
      <c r="A2169" s="3">
        <v>2008400404</v>
      </c>
      <c r="B2169" s="4" t="s">
        <v>486</v>
      </c>
      <c r="C2169" s="3" t="s">
        <v>484</v>
      </c>
    </row>
    <row r="2170" spans="1:3" ht="27" x14ac:dyDescent="0.15">
      <c r="A2170" s="3">
        <v>2008400405</v>
      </c>
      <c r="B2170" s="4" t="s">
        <v>487</v>
      </c>
      <c r="C2170" s="3" t="s">
        <v>484</v>
      </c>
    </row>
    <row r="2171" spans="1:3" ht="27" x14ac:dyDescent="0.15">
      <c r="A2171" s="3">
        <v>2008400406</v>
      </c>
      <c r="B2171" s="4" t="s">
        <v>488</v>
      </c>
      <c r="C2171" s="3" t="s">
        <v>484</v>
      </c>
    </row>
    <row r="2172" spans="1:3" ht="27" x14ac:dyDescent="0.15">
      <c r="A2172" s="3">
        <v>2008400407</v>
      </c>
      <c r="B2172" s="4" t="s">
        <v>489</v>
      </c>
      <c r="C2172" s="3" t="s">
        <v>484</v>
      </c>
    </row>
    <row r="2173" spans="1:3" ht="27" x14ac:dyDescent="0.15">
      <c r="A2173" s="3">
        <v>2008400408</v>
      </c>
      <c r="B2173" s="4" t="s">
        <v>490</v>
      </c>
      <c r="C2173" s="3" t="s">
        <v>484</v>
      </c>
    </row>
    <row r="2174" spans="1:3" ht="27" x14ac:dyDescent="0.15">
      <c r="A2174" s="3">
        <v>2008400409</v>
      </c>
      <c r="B2174" s="4" t="s">
        <v>491</v>
      </c>
      <c r="C2174" s="3" t="s">
        <v>484</v>
      </c>
    </row>
    <row r="2175" spans="1:3" ht="27" x14ac:dyDescent="0.15">
      <c r="A2175" s="3">
        <v>2008400410</v>
      </c>
      <c r="B2175" s="4" t="s">
        <v>492</v>
      </c>
      <c r="C2175" s="3" t="s">
        <v>484</v>
      </c>
    </row>
    <row r="2176" spans="1:3" ht="27" x14ac:dyDescent="0.15">
      <c r="A2176" s="3">
        <v>2008400411</v>
      </c>
      <c r="B2176" s="4" t="s">
        <v>493</v>
      </c>
      <c r="C2176" s="3" t="s">
        <v>484</v>
      </c>
    </row>
    <row r="2177" spans="1:3" ht="27" x14ac:dyDescent="0.15">
      <c r="A2177" s="3">
        <v>2008400412</v>
      </c>
      <c r="B2177" s="4" t="s">
        <v>494</v>
      </c>
      <c r="C2177" s="3" t="s">
        <v>484</v>
      </c>
    </row>
    <row r="2178" spans="1:3" ht="27" x14ac:dyDescent="0.15">
      <c r="A2178" s="3">
        <v>2008400413</v>
      </c>
      <c r="B2178" s="4" t="s">
        <v>495</v>
      </c>
      <c r="C2178" s="3" t="s">
        <v>484</v>
      </c>
    </row>
    <row r="2179" spans="1:3" ht="27" x14ac:dyDescent="0.15">
      <c r="A2179" s="3">
        <v>2008400414</v>
      </c>
      <c r="B2179" s="4" t="s">
        <v>496</v>
      </c>
      <c r="C2179" s="3" t="s">
        <v>484</v>
      </c>
    </row>
    <row r="2180" spans="1:3" ht="27" x14ac:dyDescent="0.15">
      <c r="A2180" s="3">
        <v>2008400415</v>
      </c>
      <c r="B2180" s="4" t="s">
        <v>497</v>
      </c>
      <c r="C2180" s="3" t="s">
        <v>484</v>
      </c>
    </row>
    <row r="2181" spans="1:3" ht="27" x14ac:dyDescent="0.15">
      <c r="A2181" s="3">
        <v>2008400416</v>
      </c>
      <c r="B2181" s="4" t="s">
        <v>498</v>
      </c>
      <c r="C2181" s="3" t="s">
        <v>484</v>
      </c>
    </row>
    <row r="2182" spans="1:3" ht="27" x14ac:dyDescent="0.15">
      <c r="A2182" s="3">
        <v>2008400417</v>
      </c>
      <c r="B2182" s="4" t="s">
        <v>499</v>
      </c>
      <c r="C2182" s="3" t="s">
        <v>484</v>
      </c>
    </row>
    <row r="2183" spans="1:3" ht="27" x14ac:dyDescent="0.15">
      <c r="A2183" s="3">
        <v>2008400418</v>
      </c>
      <c r="B2183" s="4" t="s">
        <v>500</v>
      </c>
      <c r="C2183" s="3" t="s">
        <v>484</v>
      </c>
    </row>
    <row r="2184" spans="1:3" ht="27" x14ac:dyDescent="0.15">
      <c r="A2184" s="3">
        <v>2008400419</v>
      </c>
      <c r="B2184" s="4" t="s">
        <v>501</v>
      </c>
      <c r="C2184" s="3" t="s">
        <v>484</v>
      </c>
    </row>
    <row r="2185" spans="1:3" ht="27" x14ac:dyDescent="0.15">
      <c r="A2185" s="3">
        <v>2008400420</v>
      </c>
      <c r="B2185" s="4" t="s">
        <v>502</v>
      </c>
      <c r="C2185" s="3" t="s">
        <v>484</v>
      </c>
    </row>
    <row r="2186" spans="1:3" ht="27" x14ac:dyDescent="0.15">
      <c r="A2186" s="3">
        <v>2008400421</v>
      </c>
      <c r="B2186" s="4" t="s">
        <v>503</v>
      </c>
      <c r="C2186" s="3" t="s">
        <v>484</v>
      </c>
    </row>
    <row r="2187" spans="1:3" ht="27" x14ac:dyDescent="0.15">
      <c r="A2187" s="3">
        <v>2008400422</v>
      </c>
      <c r="B2187" s="4" t="s">
        <v>504</v>
      </c>
      <c r="C2187" s="3" t="s">
        <v>484</v>
      </c>
    </row>
    <row r="2188" spans="1:3" ht="27" x14ac:dyDescent="0.15">
      <c r="A2188" s="3">
        <v>2008400423</v>
      </c>
      <c r="B2188" s="4" t="s">
        <v>505</v>
      </c>
      <c r="C2188" s="3" t="s">
        <v>484</v>
      </c>
    </row>
    <row r="2189" spans="1:3" ht="27" x14ac:dyDescent="0.15">
      <c r="A2189" s="3">
        <v>2008400424</v>
      </c>
      <c r="B2189" s="4" t="s">
        <v>506</v>
      </c>
      <c r="C2189" s="3" t="s">
        <v>484</v>
      </c>
    </row>
    <row r="2190" spans="1:3" ht="27" x14ac:dyDescent="0.15">
      <c r="A2190" s="3">
        <v>2008400425</v>
      </c>
      <c r="B2190" s="4" t="s">
        <v>507</v>
      </c>
      <c r="C2190" s="3" t="s">
        <v>484</v>
      </c>
    </row>
    <row r="2191" spans="1:3" ht="27" x14ac:dyDescent="0.15">
      <c r="A2191" s="3">
        <v>2008400426</v>
      </c>
      <c r="B2191" s="4" t="s">
        <v>508</v>
      </c>
      <c r="C2191" s="3" t="s">
        <v>484</v>
      </c>
    </row>
    <row r="2192" spans="1:3" ht="27" x14ac:dyDescent="0.15">
      <c r="A2192" s="3">
        <v>2008400480</v>
      </c>
      <c r="B2192" s="4" t="s">
        <v>574</v>
      </c>
      <c r="C2192" s="3" t="s">
        <v>484</v>
      </c>
    </row>
    <row r="2193" spans="1:3" ht="27" x14ac:dyDescent="0.15">
      <c r="A2193" s="3">
        <v>2008400481</v>
      </c>
      <c r="B2193" s="4" t="s">
        <v>575</v>
      </c>
      <c r="C2193" s="3" t="s">
        <v>484</v>
      </c>
    </row>
    <row r="2194" spans="1:3" ht="27" x14ac:dyDescent="0.15">
      <c r="A2194" s="3">
        <v>2008400482</v>
      </c>
      <c r="B2194" s="4" t="s">
        <v>576</v>
      </c>
      <c r="C2194" s="3" t="s">
        <v>484</v>
      </c>
    </row>
    <row r="2195" spans="1:3" ht="27" x14ac:dyDescent="0.15">
      <c r="A2195" s="3">
        <v>2008400483</v>
      </c>
      <c r="B2195" s="4" t="s">
        <v>577</v>
      </c>
      <c r="C2195" s="3" t="s">
        <v>484</v>
      </c>
    </row>
    <row r="2196" spans="1:3" ht="27" x14ac:dyDescent="0.15">
      <c r="A2196" s="3">
        <v>2008400484</v>
      </c>
      <c r="B2196" s="4" t="s">
        <v>578</v>
      </c>
      <c r="C2196" s="3" t="s">
        <v>484</v>
      </c>
    </row>
    <row r="2197" spans="1:3" ht="27" x14ac:dyDescent="0.15">
      <c r="A2197" s="3">
        <v>2008400485</v>
      </c>
      <c r="B2197" s="4" t="s">
        <v>579</v>
      </c>
      <c r="C2197" s="3" t="s">
        <v>484</v>
      </c>
    </row>
    <row r="2198" spans="1:3" ht="27" x14ac:dyDescent="0.15">
      <c r="A2198" s="3">
        <v>2008400486</v>
      </c>
      <c r="B2198" s="4" t="s">
        <v>580</v>
      </c>
      <c r="C2198" s="3" t="s">
        <v>484</v>
      </c>
    </row>
    <row r="2199" spans="1:3" ht="27" x14ac:dyDescent="0.15">
      <c r="A2199" s="3">
        <v>2008400487</v>
      </c>
      <c r="B2199" s="4" t="s">
        <v>581</v>
      </c>
      <c r="C2199" s="3" t="s">
        <v>484</v>
      </c>
    </row>
    <row r="2200" spans="1:3" ht="27" x14ac:dyDescent="0.15">
      <c r="A2200" s="3">
        <v>2008400488</v>
      </c>
      <c r="B2200" s="4" t="s">
        <v>582</v>
      </c>
      <c r="C2200" s="3" t="s">
        <v>484</v>
      </c>
    </row>
    <row r="2201" spans="1:3" ht="27" x14ac:dyDescent="0.15">
      <c r="A2201" s="3">
        <v>2011410028</v>
      </c>
      <c r="B2201" s="4" t="s">
        <v>1102</v>
      </c>
      <c r="C2201" s="3" t="s">
        <v>484</v>
      </c>
    </row>
    <row r="2202" spans="1:3" ht="27" x14ac:dyDescent="0.15">
      <c r="A2202" s="3">
        <v>2011410054</v>
      </c>
      <c r="B2202" s="4" t="s">
        <v>1147</v>
      </c>
      <c r="C2202" s="3" t="s">
        <v>484</v>
      </c>
    </row>
    <row r="2203" spans="1:3" ht="27" x14ac:dyDescent="0.15">
      <c r="A2203" s="3">
        <v>2011410055</v>
      </c>
      <c r="B2203" s="4" t="s">
        <v>499</v>
      </c>
      <c r="C2203" s="3" t="s">
        <v>484</v>
      </c>
    </row>
    <row r="2204" spans="1:3" ht="27" x14ac:dyDescent="0.15">
      <c r="A2204" s="3">
        <v>2011410068</v>
      </c>
      <c r="B2204" s="4" t="s">
        <v>582</v>
      </c>
      <c r="C2204" s="3" t="s">
        <v>484</v>
      </c>
    </row>
    <row r="2205" spans="1:3" ht="27" x14ac:dyDescent="0.15">
      <c r="A2205" s="3">
        <v>2011410070</v>
      </c>
      <c r="B2205" s="4" t="s">
        <v>1171</v>
      </c>
      <c r="C2205" s="3" t="s">
        <v>484</v>
      </c>
    </row>
    <row r="2206" spans="1:3" ht="27" x14ac:dyDescent="0.15">
      <c r="A2206" s="3">
        <v>2011412655</v>
      </c>
      <c r="B2206" s="4" t="s">
        <v>4305</v>
      </c>
      <c r="C2206" s="3" t="s">
        <v>484</v>
      </c>
    </row>
    <row r="2207" spans="1:3" ht="27" x14ac:dyDescent="0.15">
      <c r="A2207" s="3">
        <v>2011412656</v>
      </c>
      <c r="B2207" s="4" t="s">
        <v>4306</v>
      </c>
      <c r="C2207" s="3" t="s">
        <v>484</v>
      </c>
    </row>
    <row r="2208" spans="1:3" ht="27" x14ac:dyDescent="0.15">
      <c r="A2208" s="3">
        <v>2011412657</v>
      </c>
      <c r="B2208" s="4" t="s">
        <v>4307</v>
      </c>
      <c r="C2208" s="3" t="s">
        <v>484</v>
      </c>
    </row>
    <row r="2209" spans="1:3" ht="27" x14ac:dyDescent="0.15">
      <c r="A2209" s="3">
        <v>2011412658</v>
      </c>
      <c r="B2209" s="4" t="s">
        <v>4308</v>
      </c>
      <c r="C2209" s="3" t="s">
        <v>484</v>
      </c>
    </row>
    <row r="2210" spans="1:3" ht="27" x14ac:dyDescent="0.15">
      <c r="A2210" s="3">
        <v>2011412659</v>
      </c>
      <c r="B2210" s="4" t="s">
        <v>4309</v>
      </c>
      <c r="C2210" s="3" t="s">
        <v>484</v>
      </c>
    </row>
    <row r="2211" spans="1:3" ht="27" x14ac:dyDescent="0.15">
      <c r="A2211" s="3">
        <v>2011412660</v>
      </c>
      <c r="B2211" s="4" t="s">
        <v>4310</v>
      </c>
      <c r="C2211" s="3" t="s">
        <v>484</v>
      </c>
    </row>
    <row r="2212" spans="1:3" ht="27" x14ac:dyDescent="0.15">
      <c r="A2212" s="3">
        <v>2011412661</v>
      </c>
      <c r="B2212" s="4" t="s">
        <v>4311</v>
      </c>
      <c r="C2212" s="3" t="s">
        <v>484</v>
      </c>
    </row>
    <row r="2213" spans="1:3" ht="27" x14ac:dyDescent="0.15">
      <c r="A2213" s="3">
        <v>2011412662</v>
      </c>
      <c r="B2213" s="4" t="s">
        <v>4312</v>
      </c>
      <c r="C2213" s="3" t="s">
        <v>484</v>
      </c>
    </row>
    <row r="2214" spans="1:3" ht="27" x14ac:dyDescent="0.15">
      <c r="A2214" s="3">
        <v>2011412663</v>
      </c>
      <c r="B2214" s="4" t="s">
        <v>4313</v>
      </c>
      <c r="C2214" s="3" t="s">
        <v>484</v>
      </c>
    </row>
    <row r="2215" spans="1:3" ht="27" x14ac:dyDescent="0.15">
      <c r="A2215" s="3">
        <v>2011412664</v>
      </c>
      <c r="B2215" s="4" t="s">
        <v>4314</v>
      </c>
      <c r="C2215" s="3" t="s">
        <v>484</v>
      </c>
    </row>
    <row r="2216" spans="1:3" ht="27" x14ac:dyDescent="0.15">
      <c r="A2216" s="3">
        <v>2011412665</v>
      </c>
      <c r="B2216" s="4" t="s">
        <v>4315</v>
      </c>
      <c r="C2216" s="3" t="s">
        <v>484</v>
      </c>
    </row>
    <row r="2217" spans="1:3" ht="27" x14ac:dyDescent="0.15">
      <c r="A2217" s="3">
        <v>2011412666</v>
      </c>
      <c r="B2217" s="4" t="s">
        <v>4316</v>
      </c>
      <c r="C2217" s="3" t="s">
        <v>484</v>
      </c>
    </row>
    <row r="2218" spans="1:3" ht="27" x14ac:dyDescent="0.15">
      <c r="A2218" s="3">
        <v>2011412667</v>
      </c>
      <c r="B2218" s="4" t="s">
        <v>4317</v>
      </c>
      <c r="C2218" s="3" t="s">
        <v>484</v>
      </c>
    </row>
    <row r="2219" spans="1:3" ht="27" x14ac:dyDescent="0.15">
      <c r="A2219" s="3">
        <v>2011412668</v>
      </c>
      <c r="B2219" s="4" t="s">
        <v>4318</v>
      </c>
      <c r="C2219" s="3" t="s">
        <v>484</v>
      </c>
    </row>
    <row r="2220" spans="1:3" ht="27" x14ac:dyDescent="0.15">
      <c r="A2220" s="3">
        <v>2011412669</v>
      </c>
      <c r="B2220" s="4" t="s">
        <v>4319</v>
      </c>
      <c r="C2220" s="3" t="s">
        <v>484</v>
      </c>
    </row>
    <row r="2221" spans="1:3" ht="27" x14ac:dyDescent="0.15">
      <c r="A2221" s="3">
        <v>2011412670</v>
      </c>
      <c r="B2221" s="4" t="s">
        <v>4320</v>
      </c>
      <c r="C2221" s="3" t="s">
        <v>484</v>
      </c>
    </row>
    <row r="2222" spans="1:3" ht="27" x14ac:dyDescent="0.15">
      <c r="A2222" s="3">
        <v>2011412671</v>
      </c>
      <c r="B2222" s="4" t="s">
        <v>4321</v>
      </c>
      <c r="C2222" s="3" t="s">
        <v>484</v>
      </c>
    </row>
    <row r="2223" spans="1:3" ht="27" x14ac:dyDescent="0.15">
      <c r="A2223" s="3">
        <v>2011412672</v>
      </c>
      <c r="B2223" s="4" t="s">
        <v>4322</v>
      </c>
      <c r="C2223" s="3" t="s">
        <v>484</v>
      </c>
    </row>
    <row r="2224" spans="1:3" ht="27" x14ac:dyDescent="0.15">
      <c r="A2224" s="3">
        <v>2011412673</v>
      </c>
      <c r="B2224" s="4" t="s">
        <v>4323</v>
      </c>
      <c r="C2224" s="3" t="s">
        <v>484</v>
      </c>
    </row>
    <row r="2225" spans="1:3" ht="27" x14ac:dyDescent="0.15">
      <c r="A2225" s="3">
        <v>2011412674</v>
      </c>
      <c r="B2225" s="4" t="s">
        <v>4324</v>
      </c>
      <c r="C2225" s="3" t="s">
        <v>484</v>
      </c>
    </row>
    <row r="2226" spans="1:3" ht="27" x14ac:dyDescent="0.15">
      <c r="A2226" s="3">
        <v>2011412675</v>
      </c>
      <c r="B2226" s="4" t="s">
        <v>4325</v>
      </c>
      <c r="C2226" s="3" t="s">
        <v>484</v>
      </c>
    </row>
    <row r="2227" spans="1:3" ht="27" x14ac:dyDescent="0.15">
      <c r="A2227" s="3">
        <v>2011412676</v>
      </c>
      <c r="B2227" s="4" t="s">
        <v>4326</v>
      </c>
      <c r="C2227" s="3" t="s">
        <v>484</v>
      </c>
    </row>
    <row r="2228" spans="1:3" ht="27" x14ac:dyDescent="0.15">
      <c r="A2228" s="3">
        <v>2011412677</v>
      </c>
      <c r="B2228" s="4" t="s">
        <v>4327</v>
      </c>
      <c r="C2228" s="3" t="s">
        <v>484</v>
      </c>
    </row>
    <row r="2229" spans="1:3" ht="27" x14ac:dyDescent="0.15">
      <c r="A2229" s="3">
        <v>2011412678</v>
      </c>
      <c r="B2229" s="4" t="s">
        <v>4327</v>
      </c>
      <c r="C2229" s="3" t="s">
        <v>484</v>
      </c>
    </row>
    <row r="2230" spans="1:3" ht="27" x14ac:dyDescent="0.15">
      <c r="A2230" s="3">
        <v>2011412679</v>
      </c>
      <c r="B2230" s="4" t="s">
        <v>4328</v>
      </c>
      <c r="C2230" s="3" t="s">
        <v>484</v>
      </c>
    </row>
    <row r="2231" spans="1:3" ht="27" x14ac:dyDescent="0.15">
      <c r="A2231" s="3">
        <v>2011412680</v>
      </c>
      <c r="B2231" s="4" t="s">
        <v>4329</v>
      </c>
      <c r="C2231" s="3" t="s">
        <v>484</v>
      </c>
    </row>
    <row r="2232" spans="1:3" ht="27" x14ac:dyDescent="0.15">
      <c r="A2232" s="3">
        <v>2011412681</v>
      </c>
      <c r="B2232" s="4" t="s">
        <v>4330</v>
      </c>
      <c r="C2232" s="3" t="s">
        <v>484</v>
      </c>
    </row>
    <row r="2233" spans="1:3" ht="27" x14ac:dyDescent="0.15">
      <c r="A2233" s="3">
        <v>2011412682</v>
      </c>
      <c r="B2233" s="4" t="s">
        <v>4331</v>
      </c>
      <c r="C2233" s="3" t="s">
        <v>484</v>
      </c>
    </row>
    <row r="2234" spans="1:3" ht="27" x14ac:dyDescent="0.15">
      <c r="A2234" s="3">
        <v>2011412683</v>
      </c>
      <c r="B2234" s="4" t="s">
        <v>4332</v>
      </c>
      <c r="C2234" s="3" t="s">
        <v>484</v>
      </c>
    </row>
    <row r="2235" spans="1:3" ht="27" x14ac:dyDescent="0.15">
      <c r="A2235" s="3">
        <v>2011412684</v>
      </c>
      <c r="B2235" s="4" t="s">
        <v>4333</v>
      </c>
      <c r="C2235" s="3" t="s">
        <v>484</v>
      </c>
    </row>
    <row r="2236" spans="1:3" x14ac:dyDescent="0.15">
      <c r="A2236" s="3">
        <v>2011412685</v>
      </c>
      <c r="B2236" s="4" t="s">
        <v>4334</v>
      </c>
      <c r="C2236" s="3" t="s">
        <v>484</v>
      </c>
    </row>
    <row r="2237" spans="1:3" ht="27" x14ac:dyDescent="0.15">
      <c r="A2237" s="3">
        <v>2011412687</v>
      </c>
      <c r="B2237" s="4" t="s">
        <v>4337</v>
      </c>
      <c r="C2237" s="3" t="s">
        <v>484</v>
      </c>
    </row>
    <row r="2238" spans="1:3" ht="27" x14ac:dyDescent="0.15">
      <c r="A2238" s="3">
        <v>2011412688</v>
      </c>
      <c r="B2238" s="4" t="s">
        <v>4338</v>
      </c>
      <c r="C2238" s="3" t="s">
        <v>484</v>
      </c>
    </row>
    <row r="2239" spans="1:3" ht="27" x14ac:dyDescent="0.15">
      <c r="A2239" s="3">
        <v>2011412706</v>
      </c>
      <c r="B2239" s="4" t="s">
        <v>4355</v>
      </c>
      <c r="C2239" s="3" t="s">
        <v>484</v>
      </c>
    </row>
    <row r="2240" spans="1:3" ht="27" x14ac:dyDescent="0.15">
      <c r="A2240" s="3">
        <v>2011412707</v>
      </c>
      <c r="B2240" s="4" t="s">
        <v>498</v>
      </c>
      <c r="C2240" s="3" t="s">
        <v>484</v>
      </c>
    </row>
    <row r="2241" spans="1:3" ht="27" x14ac:dyDescent="0.15">
      <c r="A2241" s="3">
        <v>2011412708</v>
      </c>
      <c r="B2241" s="4" t="s">
        <v>4356</v>
      </c>
      <c r="C2241" s="3" t="s">
        <v>484</v>
      </c>
    </row>
    <row r="2242" spans="1:3" ht="27" x14ac:dyDescent="0.15">
      <c r="A2242" s="3">
        <v>2011412709</v>
      </c>
      <c r="B2242" s="4" t="s">
        <v>4357</v>
      </c>
      <c r="C2242" s="3" t="s">
        <v>484</v>
      </c>
    </row>
    <row r="2243" spans="1:3" ht="27" x14ac:dyDescent="0.15">
      <c r="A2243" s="3">
        <v>2011412710</v>
      </c>
      <c r="B2243" s="4" t="s">
        <v>494</v>
      </c>
      <c r="C2243" s="3" t="s">
        <v>484</v>
      </c>
    </row>
    <row r="2244" spans="1:3" ht="27" x14ac:dyDescent="0.15">
      <c r="A2244" s="3">
        <v>2011412712</v>
      </c>
      <c r="B2244" s="4" t="s">
        <v>499</v>
      </c>
      <c r="C2244" s="3" t="s">
        <v>484</v>
      </c>
    </row>
    <row r="2245" spans="1:3" x14ac:dyDescent="0.15">
      <c r="A2245" s="3">
        <v>2011412851</v>
      </c>
      <c r="B2245" s="4" t="s">
        <v>4514</v>
      </c>
      <c r="C2245" s="3" t="s">
        <v>484</v>
      </c>
    </row>
    <row r="2246" spans="1:3" ht="40.5" x14ac:dyDescent="0.15">
      <c r="A2246" s="3">
        <v>2011412975</v>
      </c>
      <c r="B2246" s="4" t="s">
        <v>4676</v>
      </c>
      <c r="C2246" s="3" t="s">
        <v>484</v>
      </c>
    </row>
    <row r="2247" spans="1:3" ht="27" x14ac:dyDescent="0.15">
      <c r="A2247" s="3">
        <v>2011412976</v>
      </c>
      <c r="B2247" s="4" t="s">
        <v>4677</v>
      </c>
      <c r="C2247" s="3" t="s">
        <v>484</v>
      </c>
    </row>
    <row r="2248" spans="1:3" ht="27" x14ac:dyDescent="0.15">
      <c r="A2248" s="3">
        <v>2011412979</v>
      </c>
      <c r="B2248" s="4" t="s">
        <v>4679</v>
      </c>
      <c r="C2248" s="3" t="s">
        <v>484</v>
      </c>
    </row>
    <row r="2249" spans="1:3" x14ac:dyDescent="0.15">
      <c r="A2249" s="3">
        <v>2011413055</v>
      </c>
      <c r="B2249" s="4" t="s">
        <v>4789</v>
      </c>
      <c r="C2249" s="3" t="s">
        <v>484</v>
      </c>
    </row>
    <row r="2250" spans="1:3" ht="40.5" x14ac:dyDescent="0.15">
      <c r="A2250" s="3">
        <v>2011414173</v>
      </c>
      <c r="B2250" s="4" t="s">
        <v>4676</v>
      </c>
      <c r="C2250" s="3" t="s">
        <v>484</v>
      </c>
    </row>
    <row r="2251" spans="1:3" x14ac:dyDescent="0.15">
      <c r="A2251" s="3">
        <v>2011414361</v>
      </c>
      <c r="B2251" s="4" t="s">
        <v>6484</v>
      </c>
      <c r="C2251" s="3" t="s">
        <v>484</v>
      </c>
    </row>
    <row r="2252" spans="1:3" ht="27" x14ac:dyDescent="0.15">
      <c r="A2252" s="3">
        <v>2008400431</v>
      </c>
      <c r="B2252" s="4" t="s">
        <v>514</v>
      </c>
      <c r="C2252" s="3" t="s">
        <v>515</v>
      </c>
    </row>
    <row r="2253" spans="1:3" ht="27" x14ac:dyDescent="0.15">
      <c r="A2253" s="3">
        <v>2008400432</v>
      </c>
      <c r="B2253" s="4" t="s">
        <v>516</v>
      </c>
      <c r="C2253" s="3" t="s">
        <v>515</v>
      </c>
    </row>
    <row r="2254" spans="1:3" ht="27" x14ac:dyDescent="0.15">
      <c r="A2254" s="3">
        <v>2008400433</v>
      </c>
      <c r="B2254" s="4" t="s">
        <v>517</v>
      </c>
      <c r="C2254" s="3" t="s">
        <v>515</v>
      </c>
    </row>
    <row r="2255" spans="1:3" ht="27" x14ac:dyDescent="0.15">
      <c r="A2255" s="3">
        <v>2008400489</v>
      </c>
      <c r="B2255" s="4" t="s">
        <v>583</v>
      </c>
      <c r="C2255" s="3" t="s">
        <v>515</v>
      </c>
    </row>
    <row r="2256" spans="1:3" ht="27" x14ac:dyDescent="0.15">
      <c r="A2256" s="3">
        <v>2008400490</v>
      </c>
      <c r="B2256" s="4" t="s">
        <v>584</v>
      </c>
      <c r="C2256" s="3" t="s">
        <v>515</v>
      </c>
    </row>
    <row r="2257" spans="1:3" x14ac:dyDescent="0.15">
      <c r="A2257" s="3">
        <v>2011412852</v>
      </c>
      <c r="B2257" s="4" t="s">
        <v>4515</v>
      </c>
      <c r="C2257" s="3" t="s">
        <v>515</v>
      </c>
    </row>
    <row r="2258" spans="1:3" ht="27" x14ac:dyDescent="0.15">
      <c r="A2258" s="3">
        <v>2011412853</v>
      </c>
      <c r="B2258" s="4" t="s">
        <v>4516</v>
      </c>
      <c r="C2258" s="3" t="s">
        <v>515</v>
      </c>
    </row>
    <row r="2259" spans="1:3" x14ac:dyDescent="0.15">
      <c r="A2259" s="3">
        <v>2011412854</v>
      </c>
      <c r="B2259" s="4" t="s">
        <v>4517</v>
      </c>
      <c r="C2259" s="3" t="s">
        <v>515</v>
      </c>
    </row>
    <row r="2260" spans="1:3" ht="27" x14ac:dyDescent="0.15">
      <c r="A2260" s="3">
        <v>2011412855</v>
      </c>
      <c r="B2260" s="4" t="s">
        <v>4518</v>
      </c>
      <c r="C2260" s="3" t="s">
        <v>515</v>
      </c>
    </row>
    <row r="2261" spans="1:3" ht="27" x14ac:dyDescent="0.15">
      <c r="A2261" s="3">
        <v>2011412856</v>
      </c>
      <c r="B2261" s="4" t="s">
        <v>4519</v>
      </c>
      <c r="C2261" s="3" t="s">
        <v>515</v>
      </c>
    </row>
    <row r="2262" spans="1:3" x14ac:dyDescent="0.15">
      <c r="A2262" s="3">
        <v>2011412859</v>
      </c>
      <c r="B2262" s="4" t="s">
        <v>4523</v>
      </c>
      <c r="C2262" s="3" t="s">
        <v>515</v>
      </c>
    </row>
    <row r="2263" spans="1:3" ht="27" x14ac:dyDescent="0.15">
      <c r="A2263" s="3">
        <v>2011412861</v>
      </c>
      <c r="B2263" s="4" t="s">
        <v>4525</v>
      </c>
      <c r="C2263" s="3" t="s">
        <v>515</v>
      </c>
    </row>
    <row r="2264" spans="1:3" ht="27" x14ac:dyDescent="0.15">
      <c r="A2264" s="3">
        <v>2011412862</v>
      </c>
      <c r="B2264" s="4" t="s">
        <v>4526</v>
      </c>
      <c r="C2264" s="3" t="s">
        <v>515</v>
      </c>
    </row>
    <row r="2265" spans="1:3" ht="27" x14ac:dyDescent="0.15">
      <c r="A2265" s="3">
        <v>2011412863</v>
      </c>
      <c r="B2265" s="4" t="s">
        <v>4527</v>
      </c>
      <c r="C2265" s="3" t="s">
        <v>515</v>
      </c>
    </row>
    <row r="2266" spans="1:3" ht="27" x14ac:dyDescent="0.15">
      <c r="A2266" s="3">
        <v>2011412864</v>
      </c>
      <c r="B2266" s="4" t="s">
        <v>4528</v>
      </c>
      <c r="C2266" s="3" t="s">
        <v>515</v>
      </c>
    </row>
    <row r="2267" spans="1:3" ht="27" x14ac:dyDescent="0.15">
      <c r="A2267" s="3">
        <v>2011412865</v>
      </c>
      <c r="B2267" s="4" t="s">
        <v>4529</v>
      </c>
      <c r="C2267" s="3" t="s">
        <v>515</v>
      </c>
    </row>
    <row r="2268" spans="1:3" ht="27" x14ac:dyDescent="0.15">
      <c r="A2268" s="3">
        <v>2011412866</v>
      </c>
      <c r="B2268" s="4" t="s">
        <v>4530</v>
      </c>
      <c r="C2268" s="3" t="s">
        <v>515</v>
      </c>
    </row>
    <row r="2269" spans="1:3" ht="27" x14ac:dyDescent="0.15">
      <c r="A2269" s="3">
        <v>2011413057</v>
      </c>
      <c r="B2269" s="4" t="s">
        <v>4792</v>
      </c>
      <c r="C2269" s="3" t="s">
        <v>515</v>
      </c>
    </row>
    <row r="2270" spans="1:3" ht="27" x14ac:dyDescent="0.15">
      <c r="A2270" s="3">
        <v>2011412717</v>
      </c>
      <c r="B2270" s="4" t="s">
        <v>4366</v>
      </c>
      <c r="C2270" s="3" t="s">
        <v>4367</v>
      </c>
    </row>
    <row r="2271" spans="1:3" ht="27" x14ac:dyDescent="0.15">
      <c r="A2271" s="3">
        <v>2011412718</v>
      </c>
      <c r="B2271" s="4" t="s">
        <v>4368</v>
      </c>
      <c r="C2271" s="3" t="s">
        <v>4367</v>
      </c>
    </row>
    <row r="2272" spans="1:3" ht="27" x14ac:dyDescent="0.15">
      <c r="A2272" s="3">
        <v>2011412719</v>
      </c>
      <c r="B2272" s="4" t="s">
        <v>4369</v>
      </c>
      <c r="C2272" s="3" t="s">
        <v>4367</v>
      </c>
    </row>
    <row r="2273" spans="1:3" ht="27" x14ac:dyDescent="0.15">
      <c r="A2273" s="3">
        <v>2011412720</v>
      </c>
      <c r="B2273" s="4" t="s">
        <v>4370</v>
      </c>
      <c r="C2273" s="3" t="s">
        <v>4367</v>
      </c>
    </row>
    <row r="2274" spans="1:3" x14ac:dyDescent="0.15">
      <c r="A2274" s="3">
        <v>2011412722</v>
      </c>
      <c r="B2274" s="4" t="s">
        <v>4372</v>
      </c>
      <c r="C2274" s="3" t="s">
        <v>4367</v>
      </c>
    </row>
    <row r="2275" spans="1:3" x14ac:dyDescent="0.15">
      <c r="A2275" s="3">
        <v>2011412723</v>
      </c>
      <c r="B2275" s="4" t="s">
        <v>4373</v>
      </c>
      <c r="C2275" s="3" t="s">
        <v>4367</v>
      </c>
    </row>
    <row r="2276" spans="1:3" x14ac:dyDescent="0.15">
      <c r="A2276" s="3">
        <v>2011412724</v>
      </c>
      <c r="B2276" s="4" t="s">
        <v>4373</v>
      </c>
      <c r="C2276" s="3" t="s">
        <v>4367</v>
      </c>
    </row>
    <row r="2277" spans="1:3" ht="27" x14ac:dyDescent="0.15">
      <c r="A2277" s="3">
        <v>2011412725</v>
      </c>
      <c r="B2277" s="4" t="s">
        <v>4374</v>
      </c>
      <c r="C2277" s="3" t="s">
        <v>4367</v>
      </c>
    </row>
    <row r="2278" spans="1:3" ht="27" x14ac:dyDescent="0.15">
      <c r="A2278" s="3">
        <v>2008400434</v>
      </c>
      <c r="B2278" s="4" t="s">
        <v>518</v>
      </c>
      <c r="C2278" s="3" t="s">
        <v>519</v>
      </c>
    </row>
    <row r="2279" spans="1:3" ht="27" x14ac:dyDescent="0.15">
      <c r="A2279" s="3">
        <v>2008400435</v>
      </c>
      <c r="B2279" s="4" t="s">
        <v>520</v>
      </c>
      <c r="C2279" s="3" t="s">
        <v>519</v>
      </c>
    </row>
    <row r="2280" spans="1:3" x14ac:dyDescent="0.15">
      <c r="A2280" s="3">
        <v>2011412716</v>
      </c>
      <c r="B2280" s="4" t="s">
        <v>4365</v>
      </c>
      <c r="C2280" s="3" t="s">
        <v>519</v>
      </c>
    </row>
    <row r="2281" spans="1:3" x14ac:dyDescent="0.15">
      <c r="A2281" s="3">
        <v>2011412721</v>
      </c>
      <c r="B2281" s="4" t="s">
        <v>4371</v>
      </c>
      <c r="C2281" s="3" t="s">
        <v>519</v>
      </c>
    </row>
    <row r="2282" spans="1:3" ht="27" x14ac:dyDescent="0.15">
      <c r="A2282" s="3">
        <v>2011412726</v>
      </c>
      <c r="B2282" s="4" t="s">
        <v>4375</v>
      </c>
      <c r="C2282" s="3" t="s">
        <v>519</v>
      </c>
    </row>
    <row r="2283" spans="1:3" ht="27" x14ac:dyDescent="0.15">
      <c r="A2283" s="3">
        <v>2011412727</v>
      </c>
      <c r="B2283" s="4" t="s">
        <v>4376</v>
      </c>
      <c r="C2283" s="3" t="s">
        <v>519</v>
      </c>
    </row>
    <row r="2284" spans="1:3" ht="27" x14ac:dyDescent="0.15">
      <c r="A2284" s="3">
        <v>2011412867</v>
      </c>
      <c r="B2284" s="4" t="s">
        <v>4531</v>
      </c>
      <c r="C2284" s="3" t="s">
        <v>519</v>
      </c>
    </row>
    <row r="2285" spans="1:3" ht="27" x14ac:dyDescent="0.15">
      <c r="A2285" s="3">
        <v>2011412981</v>
      </c>
      <c r="B2285" s="4" t="s">
        <v>4682</v>
      </c>
      <c r="C2285" s="3" t="s">
        <v>519</v>
      </c>
    </row>
    <row r="2286" spans="1:3" x14ac:dyDescent="0.15">
      <c r="A2286" s="3">
        <v>2011412868</v>
      </c>
      <c r="B2286" s="4" t="s">
        <v>4532</v>
      </c>
      <c r="C2286" s="3" t="s">
        <v>4533</v>
      </c>
    </row>
    <row r="2287" spans="1:3" x14ac:dyDescent="0.15">
      <c r="A2287" s="3">
        <v>2011412869</v>
      </c>
      <c r="B2287" s="4" t="s">
        <v>4534</v>
      </c>
      <c r="C2287" s="3" t="s">
        <v>4533</v>
      </c>
    </row>
    <row r="2288" spans="1:3" ht="27" x14ac:dyDescent="0.15">
      <c r="A2288" s="3">
        <v>2011412871</v>
      </c>
      <c r="B2288" s="4" t="s">
        <v>4536</v>
      </c>
      <c r="C2288" s="3" t="s">
        <v>4537</v>
      </c>
    </row>
    <row r="2289" spans="1:3" ht="27" x14ac:dyDescent="0.15">
      <c r="A2289" s="3">
        <v>2011412983</v>
      </c>
      <c r="B2289" s="4" t="s">
        <v>4685</v>
      </c>
      <c r="C2289" s="3" t="s">
        <v>4686</v>
      </c>
    </row>
    <row r="2290" spans="1:3" x14ac:dyDescent="0.15">
      <c r="A2290" s="3">
        <v>2011412729</v>
      </c>
      <c r="B2290" s="4" t="s">
        <v>4379</v>
      </c>
      <c r="C2290" s="3" t="s">
        <v>4380</v>
      </c>
    </row>
    <row r="2291" spans="1:3" ht="27" x14ac:dyDescent="0.15">
      <c r="A2291" s="3">
        <v>2011412732</v>
      </c>
      <c r="B2291" s="4" t="s">
        <v>4384</v>
      </c>
      <c r="C2291" s="3" t="s">
        <v>4385</v>
      </c>
    </row>
    <row r="2292" spans="1:3" ht="27" x14ac:dyDescent="0.15">
      <c r="A2292" s="3">
        <v>2011412734</v>
      </c>
      <c r="B2292" s="4" t="s">
        <v>4388</v>
      </c>
      <c r="C2292" s="3" t="s">
        <v>4389</v>
      </c>
    </row>
    <row r="2293" spans="1:3" x14ac:dyDescent="0.15">
      <c r="A2293" s="3">
        <v>2011412737</v>
      </c>
      <c r="B2293" s="4" t="s">
        <v>4394</v>
      </c>
      <c r="C2293" s="3" t="s">
        <v>4389</v>
      </c>
    </row>
    <row r="2294" spans="1:3" x14ac:dyDescent="0.15">
      <c r="A2294" s="3">
        <v>2011412990</v>
      </c>
      <c r="B2294" s="4" t="s">
        <v>4699</v>
      </c>
      <c r="C2294" s="3" t="s">
        <v>4389</v>
      </c>
    </row>
    <row r="2295" spans="1:3" ht="27" x14ac:dyDescent="0.15">
      <c r="A2295" s="3">
        <v>2008400825</v>
      </c>
      <c r="B2295" s="4" t="s">
        <v>955</v>
      </c>
      <c r="C2295" s="3" t="s">
        <v>956</v>
      </c>
    </row>
    <row r="2296" spans="1:3" ht="27" x14ac:dyDescent="0.15">
      <c r="A2296" s="3">
        <v>2008400864</v>
      </c>
      <c r="B2296" s="4" t="s">
        <v>1004</v>
      </c>
      <c r="C2296" s="3" t="s">
        <v>956</v>
      </c>
    </row>
    <row r="2297" spans="1:3" ht="27" x14ac:dyDescent="0.15">
      <c r="A2297" s="3">
        <v>2011412738</v>
      </c>
      <c r="B2297" s="4" t="s">
        <v>4395</v>
      </c>
      <c r="C2297" s="3" t="s">
        <v>956</v>
      </c>
    </row>
    <row r="2298" spans="1:3" ht="27" x14ac:dyDescent="0.15">
      <c r="A2298" s="3">
        <v>2011412739</v>
      </c>
      <c r="B2298" s="4" t="s">
        <v>4396</v>
      </c>
      <c r="C2298" s="3" t="s">
        <v>956</v>
      </c>
    </row>
    <row r="2299" spans="1:3" ht="27" x14ac:dyDescent="0.15">
      <c r="A2299" s="3">
        <v>2011412740</v>
      </c>
      <c r="B2299" s="4" t="s">
        <v>4397</v>
      </c>
      <c r="C2299" s="3" t="s">
        <v>956</v>
      </c>
    </row>
    <row r="2300" spans="1:3" ht="27" x14ac:dyDescent="0.15">
      <c r="A2300" s="3">
        <v>2011412741</v>
      </c>
      <c r="B2300" s="4" t="s">
        <v>4398</v>
      </c>
      <c r="C2300" s="3" t="s">
        <v>956</v>
      </c>
    </row>
    <row r="2301" spans="1:3" ht="27" x14ac:dyDescent="0.15">
      <c r="A2301" s="3">
        <v>2011412742</v>
      </c>
      <c r="B2301" s="4" t="s">
        <v>4399</v>
      </c>
      <c r="C2301" s="3" t="s">
        <v>956</v>
      </c>
    </row>
    <row r="2302" spans="1:3" ht="27" x14ac:dyDescent="0.15">
      <c r="A2302" s="3">
        <v>2011412743</v>
      </c>
      <c r="B2302" s="4" t="s">
        <v>4400</v>
      </c>
      <c r="C2302" s="3" t="s">
        <v>956</v>
      </c>
    </row>
    <row r="2303" spans="1:3" ht="27" x14ac:dyDescent="0.15">
      <c r="A2303" s="3">
        <v>2011412744</v>
      </c>
      <c r="B2303" s="4" t="s">
        <v>4401</v>
      </c>
      <c r="C2303" s="3" t="s">
        <v>956</v>
      </c>
    </row>
    <row r="2304" spans="1:3" ht="27" x14ac:dyDescent="0.15">
      <c r="A2304" s="3">
        <v>2011412745</v>
      </c>
      <c r="B2304" s="4" t="s">
        <v>4402</v>
      </c>
      <c r="C2304" s="3" t="s">
        <v>956</v>
      </c>
    </row>
    <row r="2305" spans="1:3" x14ac:dyDescent="0.15">
      <c r="A2305" s="3">
        <v>2011412746</v>
      </c>
      <c r="B2305" s="4" t="s">
        <v>4403</v>
      </c>
      <c r="C2305" s="3" t="s">
        <v>956</v>
      </c>
    </row>
    <row r="2306" spans="1:3" ht="27" x14ac:dyDescent="0.15">
      <c r="A2306" s="3">
        <v>2011412747</v>
      </c>
      <c r="B2306" s="4" t="s">
        <v>4404</v>
      </c>
      <c r="C2306" s="3" t="s">
        <v>956</v>
      </c>
    </row>
    <row r="2307" spans="1:3" ht="27" x14ac:dyDescent="0.15">
      <c r="A2307" s="3">
        <v>2011412748</v>
      </c>
      <c r="B2307" s="4" t="s">
        <v>4405</v>
      </c>
      <c r="C2307" s="3" t="s">
        <v>956</v>
      </c>
    </row>
    <row r="2308" spans="1:3" ht="27" x14ac:dyDescent="0.15">
      <c r="A2308" s="3">
        <v>2011412749</v>
      </c>
      <c r="B2308" s="4" t="s">
        <v>4406</v>
      </c>
      <c r="C2308" s="3" t="s">
        <v>956</v>
      </c>
    </row>
    <row r="2309" spans="1:3" ht="27" x14ac:dyDescent="0.15">
      <c r="A2309" s="3">
        <v>2011412750</v>
      </c>
      <c r="B2309" s="4" t="s">
        <v>4407</v>
      </c>
      <c r="C2309" s="3" t="s">
        <v>956</v>
      </c>
    </row>
    <row r="2310" spans="1:3" ht="27" x14ac:dyDescent="0.15">
      <c r="A2310" s="3">
        <v>2011412751</v>
      </c>
      <c r="B2310" s="4" t="s">
        <v>4408</v>
      </c>
      <c r="C2310" s="3" t="s">
        <v>956</v>
      </c>
    </row>
    <row r="2311" spans="1:3" ht="27" x14ac:dyDescent="0.15">
      <c r="A2311" s="3">
        <v>2011412752</v>
      </c>
      <c r="B2311" s="4" t="s">
        <v>4409</v>
      </c>
      <c r="C2311" s="3" t="s">
        <v>956</v>
      </c>
    </row>
    <row r="2312" spans="1:3" ht="27" x14ac:dyDescent="0.15">
      <c r="A2312" s="3">
        <v>2011412753</v>
      </c>
      <c r="B2312" s="4" t="s">
        <v>4410</v>
      </c>
      <c r="C2312" s="3" t="s">
        <v>956</v>
      </c>
    </row>
    <row r="2313" spans="1:3" ht="27" x14ac:dyDescent="0.15">
      <c r="A2313" s="3">
        <v>2011412754</v>
      </c>
      <c r="B2313" s="4" t="s">
        <v>4411</v>
      </c>
      <c r="C2313" s="3" t="s">
        <v>956</v>
      </c>
    </row>
    <row r="2314" spans="1:3" ht="27" x14ac:dyDescent="0.15">
      <c r="A2314" s="3">
        <v>2011412755</v>
      </c>
      <c r="B2314" s="4" t="s">
        <v>4412</v>
      </c>
      <c r="C2314" s="3" t="s">
        <v>956</v>
      </c>
    </row>
    <row r="2315" spans="1:3" x14ac:dyDescent="0.15">
      <c r="A2315" s="3">
        <v>2011412756</v>
      </c>
      <c r="B2315" s="4" t="s">
        <v>4413</v>
      </c>
      <c r="C2315" s="3" t="s">
        <v>956</v>
      </c>
    </row>
    <row r="2316" spans="1:3" ht="27" x14ac:dyDescent="0.15">
      <c r="A2316" s="3">
        <v>2011412757</v>
      </c>
      <c r="B2316" s="4" t="s">
        <v>4414</v>
      </c>
      <c r="C2316" s="3" t="s">
        <v>956</v>
      </c>
    </row>
    <row r="2317" spans="1:3" ht="27" x14ac:dyDescent="0.15">
      <c r="A2317" s="3">
        <v>2011412758</v>
      </c>
      <c r="B2317" s="4" t="s">
        <v>4415</v>
      </c>
      <c r="C2317" s="3" t="s">
        <v>956</v>
      </c>
    </row>
    <row r="2318" spans="1:3" ht="27" x14ac:dyDescent="0.15">
      <c r="A2318" s="3">
        <v>2011412759</v>
      </c>
      <c r="B2318" s="4" t="s">
        <v>4416</v>
      </c>
      <c r="C2318" s="3" t="s">
        <v>956</v>
      </c>
    </row>
    <row r="2319" spans="1:3" ht="27" x14ac:dyDescent="0.15">
      <c r="A2319" s="3">
        <v>2011412761</v>
      </c>
      <c r="B2319" s="4" t="s">
        <v>4418</v>
      </c>
      <c r="C2319" s="3" t="s">
        <v>956</v>
      </c>
    </row>
    <row r="2320" spans="1:3" ht="27" x14ac:dyDescent="0.15">
      <c r="A2320" s="3">
        <v>2011412762</v>
      </c>
      <c r="B2320" s="4" t="s">
        <v>4419</v>
      </c>
      <c r="C2320" s="3" t="s">
        <v>956</v>
      </c>
    </row>
    <row r="2321" spans="1:3" ht="27" x14ac:dyDescent="0.15">
      <c r="A2321" s="3">
        <v>2011412763</v>
      </c>
      <c r="B2321" s="4" t="s">
        <v>4420</v>
      </c>
      <c r="C2321" s="3" t="s">
        <v>956</v>
      </c>
    </row>
    <row r="2322" spans="1:3" ht="27" x14ac:dyDescent="0.15">
      <c r="A2322" s="3">
        <v>2011412764</v>
      </c>
      <c r="B2322" s="4" t="s">
        <v>4421</v>
      </c>
      <c r="C2322" s="3" t="s">
        <v>956</v>
      </c>
    </row>
    <row r="2323" spans="1:3" ht="27" x14ac:dyDescent="0.15">
      <c r="A2323" s="3">
        <v>2011412765</v>
      </c>
      <c r="B2323" s="4" t="s">
        <v>4422</v>
      </c>
      <c r="C2323" s="3" t="s">
        <v>956</v>
      </c>
    </row>
    <row r="2324" spans="1:3" ht="27" x14ac:dyDescent="0.15">
      <c r="A2324" s="3">
        <v>2011412766</v>
      </c>
      <c r="B2324" s="4" t="s">
        <v>4423</v>
      </c>
      <c r="C2324" s="3" t="s">
        <v>956</v>
      </c>
    </row>
    <row r="2325" spans="1:3" ht="27" x14ac:dyDescent="0.15">
      <c r="A2325" s="3">
        <v>2011412767</v>
      </c>
      <c r="B2325" s="4" t="s">
        <v>4424</v>
      </c>
      <c r="C2325" s="3" t="s">
        <v>956</v>
      </c>
    </row>
    <row r="2326" spans="1:3" ht="27" x14ac:dyDescent="0.15">
      <c r="A2326" s="3">
        <v>2011412768</v>
      </c>
      <c r="B2326" s="4" t="s">
        <v>4425</v>
      </c>
      <c r="C2326" s="3" t="s">
        <v>956</v>
      </c>
    </row>
    <row r="2327" spans="1:3" ht="27" x14ac:dyDescent="0.15">
      <c r="A2327" s="3">
        <v>2011412769</v>
      </c>
      <c r="B2327" s="4" t="s">
        <v>4426</v>
      </c>
      <c r="C2327" s="3" t="s">
        <v>956</v>
      </c>
    </row>
    <row r="2328" spans="1:3" ht="27" x14ac:dyDescent="0.15">
      <c r="A2328" s="3">
        <v>2011412770</v>
      </c>
      <c r="B2328" s="4" t="s">
        <v>4427</v>
      </c>
      <c r="C2328" s="3" t="s">
        <v>956</v>
      </c>
    </row>
    <row r="2329" spans="1:3" ht="27" x14ac:dyDescent="0.15">
      <c r="A2329" s="3">
        <v>2011412771</v>
      </c>
      <c r="B2329" s="4" t="s">
        <v>4428</v>
      </c>
      <c r="C2329" s="3" t="s">
        <v>956</v>
      </c>
    </row>
    <row r="2330" spans="1:3" ht="27" x14ac:dyDescent="0.15">
      <c r="A2330" s="3">
        <v>2011412773</v>
      </c>
      <c r="B2330" s="4" t="s">
        <v>4431</v>
      </c>
      <c r="C2330" s="3" t="s">
        <v>956</v>
      </c>
    </row>
    <row r="2331" spans="1:3" ht="27" x14ac:dyDescent="0.15">
      <c r="A2331" s="3">
        <v>2011412774</v>
      </c>
      <c r="B2331" s="4" t="s">
        <v>4432</v>
      </c>
      <c r="C2331" s="3" t="s">
        <v>956</v>
      </c>
    </row>
    <row r="2332" spans="1:3" ht="27" x14ac:dyDescent="0.15">
      <c r="A2332" s="3">
        <v>2011412775</v>
      </c>
      <c r="B2332" s="4" t="s">
        <v>4433</v>
      </c>
      <c r="C2332" s="3" t="s">
        <v>956</v>
      </c>
    </row>
    <row r="2333" spans="1:3" x14ac:dyDescent="0.15">
      <c r="A2333" s="3">
        <v>2011412776</v>
      </c>
      <c r="B2333" s="4" t="s">
        <v>4434</v>
      </c>
      <c r="C2333" s="3" t="s">
        <v>956</v>
      </c>
    </row>
    <row r="2334" spans="1:3" x14ac:dyDescent="0.15">
      <c r="A2334" s="3">
        <v>2011412777</v>
      </c>
      <c r="B2334" s="4" t="s">
        <v>4435</v>
      </c>
      <c r="C2334" s="3" t="s">
        <v>956</v>
      </c>
    </row>
    <row r="2335" spans="1:3" ht="27" x14ac:dyDescent="0.15">
      <c r="A2335" s="3">
        <v>2011412895</v>
      </c>
      <c r="B2335" s="4" t="s">
        <v>4571</v>
      </c>
      <c r="C2335" s="3" t="s">
        <v>956</v>
      </c>
    </row>
    <row r="2336" spans="1:3" ht="27" x14ac:dyDescent="0.15">
      <c r="A2336" s="3">
        <v>2011412993</v>
      </c>
      <c r="B2336" s="4" t="s">
        <v>4704</v>
      </c>
      <c r="C2336" s="3" t="s">
        <v>956</v>
      </c>
    </row>
    <row r="2337" spans="1:3" x14ac:dyDescent="0.15">
      <c r="A2337" s="3">
        <v>2011412996</v>
      </c>
      <c r="B2337" s="4" t="s">
        <v>4708</v>
      </c>
      <c r="C2337" s="3" t="s">
        <v>956</v>
      </c>
    </row>
    <row r="2338" spans="1:3" ht="27" x14ac:dyDescent="0.15">
      <c r="A2338" s="3">
        <v>2011412800</v>
      </c>
      <c r="B2338" s="4" t="s">
        <v>4456</v>
      </c>
      <c r="C2338" s="3" t="s">
        <v>4457</v>
      </c>
    </row>
    <row r="2339" spans="1:3" ht="27" x14ac:dyDescent="0.15">
      <c r="A2339" s="3">
        <v>2011412803</v>
      </c>
      <c r="B2339" s="4" t="s">
        <v>4461</v>
      </c>
      <c r="C2339" s="3" t="s">
        <v>4462</v>
      </c>
    </row>
    <row r="2340" spans="1:3" ht="27" x14ac:dyDescent="0.15">
      <c r="A2340" s="3">
        <v>2011412804</v>
      </c>
      <c r="B2340" s="4" t="s">
        <v>4463</v>
      </c>
      <c r="C2340" s="3" t="s">
        <v>4462</v>
      </c>
    </row>
    <row r="2341" spans="1:3" x14ac:dyDescent="0.15">
      <c r="A2341" s="3">
        <v>2011412807</v>
      </c>
      <c r="B2341" s="4" t="s">
        <v>4468</v>
      </c>
      <c r="C2341" s="3" t="s">
        <v>4469</v>
      </c>
    </row>
    <row r="2342" spans="1:3" ht="27" x14ac:dyDescent="0.15">
      <c r="A2342" s="3">
        <v>2011413038</v>
      </c>
      <c r="B2342" s="4" t="s">
        <v>4770</v>
      </c>
      <c r="C2342" s="3" t="s">
        <v>4469</v>
      </c>
    </row>
    <row r="2343" spans="1:3" x14ac:dyDescent="0.15">
      <c r="A2343" s="3">
        <v>2011413039</v>
      </c>
      <c r="B2343" s="4" t="s">
        <v>4771</v>
      </c>
      <c r="C2343" s="3" t="s">
        <v>4469</v>
      </c>
    </row>
    <row r="2344" spans="1:3" x14ac:dyDescent="0.15">
      <c r="A2344" s="3">
        <v>2011413040</v>
      </c>
      <c r="B2344" s="4" t="s">
        <v>4772</v>
      </c>
      <c r="C2344" s="3" t="s">
        <v>4469</v>
      </c>
    </row>
    <row r="2345" spans="1:3" ht="27" x14ac:dyDescent="0.15">
      <c r="A2345" s="3">
        <v>2011412808</v>
      </c>
      <c r="B2345" s="4" t="s">
        <v>4470</v>
      </c>
      <c r="C2345" s="3" t="s">
        <v>4471</v>
      </c>
    </row>
    <row r="2346" spans="1:3" ht="27" x14ac:dyDescent="0.15">
      <c r="A2346" s="3">
        <v>2011412809</v>
      </c>
      <c r="B2346" s="4" t="s">
        <v>4472</v>
      </c>
      <c r="C2346" s="3" t="s">
        <v>4471</v>
      </c>
    </row>
    <row r="2347" spans="1:3" ht="27" x14ac:dyDescent="0.15">
      <c r="A2347" s="3">
        <v>2011412810</v>
      </c>
      <c r="B2347" s="4" t="s">
        <v>4473</v>
      </c>
      <c r="C2347" s="3" t="s">
        <v>4471</v>
      </c>
    </row>
    <row r="2348" spans="1:3" ht="27" x14ac:dyDescent="0.15">
      <c r="A2348" s="3">
        <v>2011412811</v>
      </c>
      <c r="B2348" s="4" t="s">
        <v>4474</v>
      </c>
      <c r="C2348" s="3" t="s">
        <v>4471</v>
      </c>
    </row>
    <row r="2349" spans="1:3" ht="27" x14ac:dyDescent="0.15">
      <c r="A2349" s="3">
        <v>2011412812</v>
      </c>
      <c r="B2349" s="4" t="s">
        <v>4475</v>
      </c>
      <c r="C2349" s="3" t="s">
        <v>4471</v>
      </c>
    </row>
    <row r="2350" spans="1:3" ht="27" x14ac:dyDescent="0.15">
      <c r="A2350" s="3">
        <v>2011412813</v>
      </c>
      <c r="B2350" s="4" t="s">
        <v>4476</v>
      </c>
      <c r="C2350" s="3" t="s">
        <v>4471</v>
      </c>
    </row>
    <row r="2351" spans="1:3" ht="27" x14ac:dyDescent="0.15">
      <c r="A2351" s="3">
        <v>2011412814</v>
      </c>
      <c r="B2351" s="4" t="s">
        <v>4477</v>
      </c>
      <c r="C2351" s="3" t="s">
        <v>4471</v>
      </c>
    </row>
    <row r="2352" spans="1:3" ht="27" x14ac:dyDescent="0.15">
      <c r="A2352" s="3">
        <v>2011413036</v>
      </c>
      <c r="B2352" s="4" t="s">
        <v>4768</v>
      </c>
      <c r="C2352" s="3" t="s">
        <v>4471</v>
      </c>
    </row>
    <row r="2353" spans="1:3" ht="27" x14ac:dyDescent="0.15">
      <c r="A2353" s="3">
        <v>2011413041</v>
      </c>
      <c r="B2353" s="4" t="s">
        <v>4773</v>
      </c>
      <c r="C2353" s="3" t="s">
        <v>4774</v>
      </c>
    </row>
    <row r="2354" spans="1:3" ht="27" x14ac:dyDescent="0.15">
      <c r="A2354" s="3">
        <v>2011412815</v>
      </c>
      <c r="B2354" s="4" t="s">
        <v>4478</v>
      </c>
      <c r="C2354" s="3" t="s">
        <v>4479</v>
      </c>
    </row>
    <row r="2355" spans="1:3" ht="27" x14ac:dyDescent="0.15">
      <c r="A2355" s="3">
        <v>2011412816</v>
      </c>
      <c r="B2355" s="4" t="s">
        <v>4480</v>
      </c>
      <c r="C2355" s="3" t="s">
        <v>4479</v>
      </c>
    </row>
    <row r="2356" spans="1:3" ht="27" x14ac:dyDescent="0.15">
      <c r="A2356" s="3">
        <v>2011412817</v>
      </c>
      <c r="B2356" s="4" t="s">
        <v>4480</v>
      </c>
      <c r="C2356" s="3" t="s">
        <v>4479</v>
      </c>
    </row>
    <row r="2357" spans="1:3" ht="27" x14ac:dyDescent="0.15">
      <c r="A2357" s="3">
        <v>2011412818</v>
      </c>
      <c r="B2357" s="4" t="s">
        <v>4481</v>
      </c>
      <c r="C2357" s="3" t="s">
        <v>4479</v>
      </c>
    </row>
    <row r="2358" spans="1:3" ht="27" x14ac:dyDescent="0.15">
      <c r="A2358" s="3">
        <v>2011412819</v>
      </c>
      <c r="B2358" s="4" t="s">
        <v>4482</v>
      </c>
      <c r="C2358" s="3" t="s">
        <v>4483</v>
      </c>
    </row>
    <row r="2359" spans="1:3" ht="27" x14ac:dyDescent="0.15">
      <c r="A2359" s="3">
        <v>2011412820</v>
      </c>
      <c r="B2359" s="4" t="s">
        <v>4484</v>
      </c>
      <c r="C2359" s="3" t="s">
        <v>4483</v>
      </c>
    </row>
    <row r="2360" spans="1:3" ht="27" x14ac:dyDescent="0.15">
      <c r="A2360" s="3">
        <v>2011412884</v>
      </c>
      <c r="B2360" s="4" t="s">
        <v>4556</v>
      </c>
      <c r="C2360" s="3" t="s">
        <v>4557</v>
      </c>
    </row>
    <row r="2361" spans="1:3" ht="27" x14ac:dyDescent="0.15">
      <c r="A2361" s="3">
        <v>2011412885</v>
      </c>
      <c r="B2361" s="4" t="s">
        <v>4558</v>
      </c>
      <c r="C2361" s="3" t="s">
        <v>4557</v>
      </c>
    </row>
    <row r="2362" spans="1:3" ht="27" x14ac:dyDescent="0.15">
      <c r="A2362" s="3">
        <v>2011412886</v>
      </c>
      <c r="B2362" s="4" t="s">
        <v>4559</v>
      </c>
      <c r="C2362" s="3" t="s">
        <v>4557</v>
      </c>
    </row>
    <row r="2363" spans="1:3" ht="27" x14ac:dyDescent="0.15">
      <c r="A2363" s="3">
        <v>2011412887</v>
      </c>
      <c r="B2363" s="4" t="s">
        <v>4560</v>
      </c>
      <c r="C2363" s="3" t="s">
        <v>4557</v>
      </c>
    </row>
    <row r="2364" spans="1:3" ht="27" x14ac:dyDescent="0.15">
      <c r="A2364" s="3">
        <v>2011412888</v>
      </c>
      <c r="B2364" s="4" t="s">
        <v>4561</v>
      </c>
      <c r="C2364" s="3" t="s">
        <v>4557</v>
      </c>
    </row>
    <row r="2365" spans="1:3" ht="27" x14ac:dyDescent="0.15">
      <c r="A2365" s="3">
        <v>2011412889</v>
      </c>
      <c r="B2365" s="4" t="s">
        <v>4562</v>
      </c>
      <c r="C2365" s="3" t="s">
        <v>4563</v>
      </c>
    </row>
    <row r="2366" spans="1:3" ht="40.5" x14ac:dyDescent="0.15">
      <c r="A2366" s="3">
        <v>2011412891</v>
      </c>
      <c r="B2366" s="4" t="s">
        <v>4566</v>
      </c>
      <c r="C2366" s="3" t="s">
        <v>4563</v>
      </c>
    </row>
    <row r="2367" spans="1:3" ht="40.5" x14ac:dyDescent="0.15">
      <c r="A2367" s="3">
        <v>2011412892</v>
      </c>
      <c r="B2367" s="4" t="s">
        <v>4567</v>
      </c>
      <c r="C2367" s="3" t="s">
        <v>4563</v>
      </c>
    </row>
    <row r="2368" spans="1:3" ht="27" x14ac:dyDescent="0.15">
      <c r="A2368" s="3">
        <v>2011413067</v>
      </c>
      <c r="B2368" s="4" t="s">
        <v>4805</v>
      </c>
      <c r="C2368" s="3" t="s">
        <v>4563</v>
      </c>
    </row>
    <row r="2369" spans="1:3" ht="27" x14ac:dyDescent="0.15">
      <c r="A2369" s="3">
        <v>2011412893</v>
      </c>
      <c r="B2369" s="4" t="s">
        <v>4568</v>
      </c>
      <c r="C2369" s="3" t="s">
        <v>4569</v>
      </c>
    </row>
    <row r="2370" spans="1:3" ht="27" x14ac:dyDescent="0.15">
      <c r="A2370" s="3">
        <v>2011412894</v>
      </c>
      <c r="B2370" s="4" t="s">
        <v>4570</v>
      </c>
      <c r="C2370" s="3" t="s">
        <v>4569</v>
      </c>
    </row>
    <row r="2371" spans="1:3" ht="27" x14ac:dyDescent="0.15">
      <c r="A2371" s="3">
        <v>2008400438</v>
      </c>
      <c r="B2371" s="4" t="s">
        <v>525</v>
      </c>
      <c r="C2371" s="3" t="s">
        <v>526</v>
      </c>
    </row>
    <row r="2372" spans="1:3" ht="27" x14ac:dyDescent="0.15">
      <c r="A2372" s="3">
        <v>2008400439</v>
      </c>
      <c r="B2372" s="4" t="s">
        <v>527</v>
      </c>
      <c r="C2372" s="3" t="s">
        <v>526</v>
      </c>
    </row>
    <row r="2373" spans="1:3" ht="27" x14ac:dyDescent="0.15">
      <c r="A2373" s="3">
        <v>2008400440</v>
      </c>
      <c r="B2373" s="4" t="s">
        <v>528</v>
      </c>
      <c r="C2373" s="3" t="s">
        <v>526</v>
      </c>
    </row>
    <row r="2374" spans="1:3" ht="27" x14ac:dyDescent="0.15">
      <c r="A2374" s="3">
        <v>2008400441</v>
      </c>
      <c r="B2374" s="4" t="s">
        <v>529</v>
      </c>
      <c r="C2374" s="3" t="s">
        <v>526</v>
      </c>
    </row>
    <row r="2375" spans="1:3" ht="27" x14ac:dyDescent="0.15">
      <c r="A2375" s="3">
        <v>2008400442</v>
      </c>
      <c r="B2375" s="4" t="s">
        <v>530</v>
      </c>
      <c r="C2375" s="3" t="s">
        <v>526</v>
      </c>
    </row>
    <row r="2376" spans="1:3" ht="27" x14ac:dyDescent="0.15">
      <c r="A2376" s="3">
        <v>2008400492</v>
      </c>
      <c r="B2376" s="4" t="s">
        <v>586</v>
      </c>
      <c r="C2376" s="3" t="s">
        <v>526</v>
      </c>
    </row>
    <row r="2377" spans="1:3" ht="27" x14ac:dyDescent="0.15">
      <c r="A2377" s="3">
        <v>2008400493</v>
      </c>
      <c r="B2377" s="4" t="s">
        <v>587</v>
      </c>
      <c r="C2377" s="3" t="s">
        <v>526</v>
      </c>
    </row>
    <row r="2378" spans="1:3" ht="27" x14ac:dyDescent="0.15">
      <c r="A2378" s="3">
        <v>2011412896</v>
      </c>
      <c r="B2378" s="4" t="s">
        <v>4572</v>
      </c>
      <c r="C2378" s="3" t="s">
        <v>526</v>
      </c>
    </row>
    <row r="2379" spans="1:3" x14ac:dyDescent="0.15">
      <c r="A2379" s="3">
        <v>2011412897</v>
      </c>
      <c r="B2379" s="4" t="s">
        <v>4573</v>
      </c>
      <c r="C2379" s="3" t="s">
        <v>526</v>
      </c>
    </row>
    <row r="2380" spans="1:3" ht="27" x14ac:dyDescent="0.15">
      <c r="A2380" s="3">
        <v>2011412898</v>
      </c>
      <c r="B2380" s="4" t="s">
        <v>586</v>
      </c>
      <c r="C2380" s="3" t="s">
        <v>526</v>
      </c>
    </row>
    <row r="2381" spans="1:3" ht="27" x14ac:dyDescent="0.15">
      <c r="A2381" s="3">
        <v>2011412899</v>
      </c>
      <c r="B2381" s="4" t="s">
        <v>4574</v>
      </c>
      <c r="C2381" s="3" t="s">
        <v>526</v>
      </c>
    </row>
    <row r="2382" spans="1:3" x14ac:dyDescent="0.15">
      <c r="A2382" s="3">
        <v>2011412900</v>
      </c>
      <c r="B2382" s="4" t="s">
        <v>4575</v>
      </c>
      <c r="C2382" s="3" t="s">
        <v>526</v>
      </c>
    </row>
    <row r="2383" spans="1:3" ht="27" x14ac:dyDescent="0.15">
      <c r="A2383" s="3">
        <v>2011412901</v>
      </c>
      <c r="B2383" s="4" t="s">
        <v>4576</v>
      </c>
      <c r="C2383" s="3" t="s">
        <v>526</v>
      </c>
    </row>
    <row r="2384" spans="1:3" ht="27" x14ac:dyDescent="0.15">
      <c r="A2384" s="3">
        <v>2011412902</v>
      </c>
      <c r="B2384" s="4" t="s">
        <v>529</v>
      </c>
      <c r="C2384" s="3" t="s">
        <v>526</v>
      </c>
    </row>
    <row r="2385" spans="1:3" x14ac:dyDescent="0.15">
      <c r="A2385" s="3">
        <v>2011412903</v>
      </c>
      <c r="B2385" s="4" t="s">
        <v>4577</v>
      </c>
      <c r="C2385" s="3" t="s">
        <v>526</v>
      </c>
    </row>
    <row r="2386" spans="1:3" x14ac:dyDescent="0.15">
      <c r="A2386" s="3">
        <v>2011412904</v>
      </c>
      <c r="B2386" s="4" t="s">
        <v>4578</v>
      </c>
      <c r="C2386" s="3" t="s">
        <v>526</v>
      </c>
    </row>
    <row r="2387" spans="1:3" ht="27" x14ac:dyDescent="0.15">
      <c r="A2387" s="3">
        <v>2011412906</v>
      </c>
      <c r="B2387" s="4" t="s">
        <v>4581</v>
      </c>
      <c r="C2387" s="3" t="s">
        <v>526</v>
      </c>
    </row>
    <row r="2388" spans="1:3" ht="27" x14ac:dyDescent="0.15">
      <c r="A2388" s="3">
        <v>2011412907</v>
      </c>
      <c r="B2388" s="4" t="s">
        <v>4582</v>
      </c>
      <c r="C2388" s="3" t="s">
        <v>526</v>
      </c>
    </row>
    <row r="2389" spans="1:3" x14ac:dyDescent="0.15">
      <c r="A2389" s="3">
        <v>2011412908</v>
      </c>
      <c r="B2389" s="4" t="s">
        <v>4583</v>
      </c>
      <c r="C2389" s="3" t="s">
        <v>526</v>
      </c>
    </row>
    <row r="2390" spans="1:3" ht="27" x14ac:dyDescent="0.15">
      <c r="A2390" s="3">
        <v>2011412909</v>
      </c>
      <c r="B2390" s="4" t="s">
        <v>4584</v>
      </c>
      <c r="C2390" s="3" t="s">
        <v>526</v>
      </c>
    </row>
    <row r="2391" spans="1:3" x14ac:dyDescent="0.15">
      <c r="A2391" s="3">
        <v>2011412910</v>
      </c>
      <c r="B2391" s="4" t="s">
        <v>4585</v>
      </c>
      <c r="C2391" s="3" t="s">
        <v>526</v>
      </c>
    </row>
    <row r="2392" spans="1:3" ht="27" x14ac:dyDescent="0.15">
      <c r="A2392" s="3">
        <v>2011412911</v>
      </c>
      <c r="B2392" s="4" t="s">
        <v>4586</v>
      </c>
      <c r="C2392" s="3" t="s">
        <v>526</v>
      </c>
    </row>
    <row r="2393" spans="1:3" x14ac:dyDescent="0.15">
      <c r="A2393" s="3">
        <v>2011412912</v>
      </c>
      <c r="B2393" s="4" t="s">
        <v>4587</v>
      </c>
      <c r="C2393" s="3" t="s">
        <v>526</v>
      </c>
    </row>
    <row r="2394" spans="1:3" ht="27" x14ac:dyDescent="0.15">
      <c r="A2394" s="3">
        <v>2011412919</v>
      </c>
      <c r="B2394" s="4" t="s">
        <v>4599</v>
      </c>
      <c r="C2394" s="3" t="s">
        <v>4600</v>
      </c>
    </row>
    <row r="2395" spans="1:3" x14ac:dyDescent="0.15">
      <c r="A2395" s="3">
        <v>2011412920</v>
      </c>
      <c r="B2395" s="4" t="s">
        <v>4601</v>
      </c>
      <c r="C2395" s="3" t="s">
        <v>4602</v>
      </c>
    </row>
    <row r="2396" spans="1:3" ht="27" x14ac:dyDescent="0.15">
      <c r="A2396" s="3">
        <v>2011410531</v>
      </c>
      <c r="B2396" s="4" t="s">
        <v>1743</v>
      </c>
      <c r="C2396" s="3" t="s">
        <v>1744</v>
      </c>
    </row>
    <row r="2397" spans="1:3" x14ac:dyDescent="0.15">
      <c r="A2397" s="3">
        <v>2011412927</v>
      </c>
      <c r="B2397" s="4" t="s">
        <v>4614</v>
      </c>
      <c r="C2397" s="3" t="s">
        <v>4615</v>
      </c>
    </row>
    <row r="2398" spans="1:3" ht="27" x14ac:dyDescent="0.15">
      <c r="A2398" s="3">
        <v>2011412928</v>
      </c>
      <c r="B2398" s="4" t="s">
        <v>4616</v>
      </c>
      <c r="C2398" s="3" t="s">
        <v>4615</v>
      </c>
    </row>
    <row r="2399" spans="1:3" x14ac:dyDescent="0.15">
      <c r="A2399" s="3">
        <v>2011412929</v>
      </c>
      <c r="B2399" s="4" t="s">
        <v>4617</v>
      </c>
      <c r="C2399" s="3" t="s">
        <v>4615</v>
      </c>
    </row>
    <row r="2400" spans="1:3" ht="27" x14ac:dyDescent="0.15">
      <c r="A2400" s="3">
        <v>2011412946</v>
      </c>
      <c r="B2400" s="4" t="s">
        <v>4640</v>
      </c>
      <c r="C2400" s="3" t="s">
        <v>4641</v>
      </c>
    </row>
    <row r="2401" spans="1:3" x14ac:dyDescent="0.15">
      <c r="A2401" s="3">
        <v>2011412952</v>
      </c>
      <c r="B2401" s="4" t="s">
        <v>4648</v>
      </c>
      <c r="C2401" s="3" t="s">
        <v>4649</v>
      </c>
    </row>
    <row r="2402" spans="1:3" ht="27" x14ac:dyDescent="0.15">
      <c r="A2402" s="3">
        <v>2011412953</v>
      </c>
      <c r="B2402" s="4" t="s">
        <v>4650</v>
      </c>
      <c r="C2402" s="3" t="s">
        <v>4651</v>
      </c>
    </row>
    <row r="2403" spans="1:3" ht="27" x14ac:dyDescent="0.15">
      <c r="A2403" s="3">
        <v>2011413027</v>
      </c>
      <c r="B2403" s="4" t="s">
        <v>4755</v>
      </c>
      <c r="C2403" s="3" t="s">
        <v>4756</v>
      </c>
    </row>
    <row r="2404" spans="1:3" x14ac:dyDescent="0.15">
      <c r="A2404" s="3">
        <v>2011413073</v>
      </c>
      <c r="B2404" s="4" t="s">
        <v>4814</v>
      </c>
      <c r="C2404" s="3" t="s">
        <v>4756</v>
      </c>
    </row>
    <row r="2405" spans="1:3" ht="27" x14ac:dyDescent="0.15">
      <c r="A2405" s="3">
        <v>2011414426</v>
      </c>
      <c r="B2405" s="4" t="s">
        <v>6561</v>
      </c>
      <c r="C2405" s="3" t="s">
        <v>6562</v>
      </c>
    </row>
    <row r="2406" spans="1:3" ht="27" x14ac:dyDescent="0.15">
      <c r="A2406" s="3">
        <v>2011413024</v>
      </c>
      <c r="B2406" s="4" t="s">
        <v>4751</v>
      </c>
      <c r="C2406" s="3" t="s">
        <v>4752</v>
      </c>
    </row>
    <row r="2407" spans="1:3" ht="27" x14ac:dyDescent="0.15">
      <c r="A2407" s="3">
        <v>2011413025</v>
      </c>
      <c r="B2407" s="4" t="s">
        <v>4753</v>
      </c>
      <c r="C2407" s="3" t="s">
        <v>4752</v>
      </c>
    </row>
    <row r="2408" spans="1:3" ht="27" x14ac:dyDescent="0.15">
      <c r="A2408" s="3">
        <v>2011413026</v>
      </c>
      <c r="B2408" s="4" t="s">
        <v>4754</v>
      </c>
      <c r="C2408" s="3" t="s">
        <v>4752</v>
      </c>
    </row>
    <row r="2409" spans="1:3" ht="27" x14ac:dyDescent="0.15">
      <c r="A2409" s="3">
        <v>2011413028</v>
      </c>
      <c r="B2409" s="4" t="s">
        <v>4757</v>
      </c>
      <c r="C2409" s="3" t="s">
        <v>4758</v>
      </c>
    </row>
    <row r="2410" spans="1:3" ht="27" x14ac:dyDescent="0.15">
      <c r="A2410" s="3">
        <v>2011413029</v>
      </c>
      <c r="B2410" s="4" t="s">
        <v>4759</v>
      </c>
      <c r="C2410" s="3" t="s">
        <v>4758</v>
      </c>
    </row>
    <row r="2411" spans="1:3" ht="27" x14ac:dyDescent="0.15">
      <c r="A2411" s="3">
        <v>2011413035</v>
      </c>
      <c r="B2411" s="4" t="s">
        <v>4766</v>
      </c>
      <c r="C2411" s="3" t="s">
        <v>4767</v>
      </c>
    </row>
    <row r="2412" spans="1:3" x14ac:dyDescent="0.15">
      <c r="A2412" s="3">
        <v>2011413071</v>
      </c>
      <c r="B2412" s="4" t="s">
        <v>4811</v>
      </c>
      <c r="C2412" s="3" t="s">
        <v>4767</v>
      </c>
    </row>
    <row r="2413" spans="1:3" x14ac:dyDescent="0.15">
      <c r="A2413" s="3">
        <v>2011413083</v>
      </c>
      <c r="B2413" s="4" t="s">
        <v>4831</v>
      </c>
      <c r="C2413" s="3" t="s">
        <v>4832</v>
      </c>
    </row>
    <row r="2414" spans="1:3" ht="27" x14ac:dyDescent="0.15">
      <c r="A2414" s="3">
        <v>2011413084</v>
      </c>
      <c r="B2414" s="4" t="s">
        <v>4833</v>
      </c>
      <c r="C2414" s="3" t="s">
        <v>4832</v>
      </c>
    </row>
    <row r="2415" spans="1:3" x14ac:dyDescent="0.15">
      <c r="A2415" s="3">
        <v>2011413095</v>
      </c>
      <c r="B2415" s="4" t="s">
        <v>4846</v>
      </c>
      <c r="C2415" s="3" t="s">
        <v>4832</v>
      </c>
    </row>
    <row r="2416" spans="1:3" ht="27" x14ac:dyDescent="0.15">
      <c r="A2416" s="3">
        <v>2011413421</v>
      </c>
      <c r="B2416" s="4" t="s">
        <v>5223</v>
      </c>
      <c r="C2416" s="3" t="s">
        <v>5224</v>
      </c>
    </row>
    <row r="2417" spans="1:3" x14ac:dyDescent="0.15">
      <c r="A2417" s="3">
        <v>2011414218</v>
      </c>
      <c r="B2417" s="4" t="s">
        <v>6299</v>
      </c>
      <c r="C2417" s="3" t="s">
        <v>5224</v>
      </c>
    </row>
    <row r="2418" spans="1:3" ht="27" x14ac:dyDescent="0.15">
      <c r="A2418" s="3">
        <v>2011413093</v>
      </c>
      <c r="B2418" s="4" t="s">
        <v>4842</v>
      </c>
      <c r="C2418" s="3" t="s">
        <v>4843</v>
      </c>
    </row>
    <row r="2419" spans="1:3" ht="27" x14ac:dyDescent="0.15">
      <c r="A2419" s="3">
        <v>2011413094</v>
      </c>
      <c r="B2419" s="4" t="s">
        <v>4844</v>
      </c>
      <c r="C2419" s="3" t="s">
        <v>4845</v>
      </c>
    </row>
    <row r="2420" spans="1:3" ht="27" x14ac:dyDescent="0.15">
      <c r="A2420" s="3">
        <v>2011413116</v>
      </c>
      <c r="B2420" s="4" t="s">
        <v>4876</v>
      </c>
      <c r="C2420" s="3" t="s">
        <v>4877</v>
      </c>
    </row>
    <row r="2421" spans="1:3" ht="27" x14ac:dyDescent="0.15">
      <c r="A2421" s="3">
        <v>2011413117</v>
      </c>
      <c r="B2421" s="4" t="s">
        <v>4878</v>
      </c>
      <c r="C2421" s="3" t="s">
        <v>4877</v>
      </c>
    </row>
    <row r="2422" spans="1:3" ht="27" x14ac:dyDescent="0.15">
      <c r="A2422" s="3">
        <v>2011413118</v>
      </c>
      <c r="B2422" s="4" t="s">
        <v>4879</v>
      </c>
      <c r="C2422" s="3" t="s">
        <v>4877</v>
      </c>
    </row>
    <row r="2423" spans="1:3" ht="27" x14ac:dyDescent="0.15">
      <c r="A2423" s="3">
        <v>2011413182</v>
      </c>
      <c r="B2423" s="4" t="s">
        <v>4970</v>
      </c>
      <c r="C2423" s="3" t="s">
        <v>4877</v>
      </c>
    </row>
    <row r="2424" spans="1:3" ht="27" x14ac:dyDescent="0.15">
      <c r="A2424" s="3">
        <v>2011413183</v>
      </c>
      <c r="B2424" s="4" t="s">
        <v>4971</v>
      </c>
      <c r="C2424" s="3" t="s">
        <v>4877</v>
      </c>
    </row>
    <row r="2425" spans="1:3" ht="27" x14ac:dyDescent="0.15">
      <c r="A2425" s="3">
        <v>2011413184</v>
      </c>
      <c r="B2425" s="4" t="s">
        <v>4972</v>
      </c>
      <c r="C2425" s="3" t="s">
        <v>4877</v>
      </c>
    </row>
    <row r="2426" spans="1:3" ht="27" x14ac:dyDescent="0.15">
      <c r="A2426" s="3">
        <v>2011413119</v>
      </c>
      <c r="B2426" s="4" t="s">
        <v>4880</v>
      </c>
      <c r="C2426" s="3" t="s">
        <v>4881</v>
      </c>
    </row>
    <row r="2427" spans="1:3" ht="27" x14ac:dyDescent="0.15">
      <c r="A2427" s="3">
        <v>2011413121</v>
      </c>
      <c r="B2427" s="4" t="s">
        <v>4884</v>
      </c>
      <c r="C2427" s="3" t="s">
        <v>4885</v>
      </c>
    </row>
    <row r="2428" spans="1:3" ht="27" x14ac:dyDescent="0.15">
      <c r="A2428" s="3">
        <v>2011412463</v>
      </c>
      <c r="B2428" s="4" t="s">
        <v>4060</v>
      </c>
      <c r="C2428" s="3" t="s">
        <v>4061</v>
      </c>
    </row>
    <row r="2429" spans="1:3" ht="27" x14ac:dyDescent="0.15">
      <c r="A2429" s="3">
        <v>2011413120</v>
      </c>
      <c r="B2429" s="4" t="s">
        <v>4882</v>
      </c>
      <c r="C2429" s="3" t="s">
        <v>4883</v>
      </c>
    </row>
    <row r="2430" spans="1:3" ht="27" x14ac:dyDescent="0.15">
      <c r="A2430" s="3">
        <v>2011413122</v>
      </c>
      <c r="B2430" s="4" t="s">
        <v>4886</v>
      </c>
      <c r="C2430" s="3" t="s">
        <v>4887</v>
      </c>
    </row>
    <row r="2431" spans="1:3" ht="27" x14ac:dyDescent="0.15">
      <c r="A2431" s="3">
        <v>2011413187</v>
      </c>
      <c r="B2431" s="4" t="s">
        <v>4976</v>
      </c>
      <c r="C2431" s="3" t="s">
        <v>4887</v>
      </c>
    </row>
    <row r="2432" spans="1:3" x14ac:dyDescent="0.15">
      <c r="A2432" s="3">
        <v>2011413188</v>
      </c>
      <c r="B2432" s="4" t="s">
        <v>4977</v>
      </c>
      <c r="C2432" s="3" t="s">
        <v>4887</v>
      </c>
    </row>
    <row r="2433" spans="1:3" ht="27" x14ac:dyDescent="0.15">
      <c r="A2433" s="3">
        <v>2008400445</v>
      </c>
      <c r="B2433" s="4" t="s">
        <v>534</v>
      </c>
      <c r="C2433" s="3" t="s">
        <v>535</v>
      </c>
    </row>
    <row r="2434" spans="1:3" ht="27" x14ac:dyDescent="0.15">
      <c r="A2434" s="3">
        <v>2008400446</v>
      </c>
      <c r="B2434" s="4" t="s">
        <v>536</v>
      </c>
      <c r="C2434" s="3" t="s">
        <v>535</v>
      </c>
    </row>
    <row r="2435" spans="1:3" ht="27" x14ac:dyDescent="0.15">
      <c r="A2435" s="3">
        <v>2011413123</v>
      </c>
      <c r="B2435" s="4" t="s">
        <v>4888</v>
      </c>
      <c r="C2435" s="3" t="s">
        <v>535</v>
      </c>
    </row>
    <row r="2436" spans="1:3" x14ac:dyDescent="0.15">
      <c r="A2436" s="3">
        <v>2011413124</v>
      </c>
      <c r="B2436" s="4" t="s">
        <v>4889</v>
      </c>
      <c r="C2436" s="3" t="s">
        <v>535</v>
      </c>
    </row>
    <row r="2437" spans="1:3" ht="27" x14ac:dyDescent="0.15">
      <c r="A2437" s="3">
        <v>2011413189</v>
      </c>
      <c r="B2437" s="4" t="s">
        <v>4978</v>
      </c>
      <c r="C2437" s="3" t="s">
        <v>535</v>
      </c>
    </row>
    <row r="2438" spans="1:3" x14ac:dyDescent="0.15">
      <c r="A2438" s="3">
        <v>2011413190</v>
      </c>
      <c r="B2438" s="4" t="s">
        <v>4979</v>
      </c>
      <c r="C2438" s="3" t="s">
        <v>535</v>
      </c>
    </row>
    <row r="2439" spans="1:3" ht="27" x14ac:dyDescent="0.15">
      <c r="A2439" s="3">
        <v>2011413191</v>
      </c>
      <c r="B2439" s="4" t="s">
        <v>4980</v>
      </c>
      <c r="C2439" s="3" t="s">
        <v>535</v>
      </c>
    </row>
    <row r="2440" spans="1:3" ht="27" x14ac:dyDescent="0.15">
      <c r="A2440" s="3">
        <v>2011413192</v>
      </c>
      <c r="B2440" s="4" t="s">
        <v>4981</v>
      </c>
      <c r="C2440" s="3" t="s">
        <v>535</v>
      </c>
    </row>
    <row r="2441" spans="1:3" ht="27" x14ac:dyDescent="0.15">
      <c r="A2441" s="3">
        <v>2008400447</v>
      </c>
      <c r="B2441" s="4" t="s">
        <v>537</v>
      </c>
      <c r="C2441" s="3" t="s">
        <v>538</v>
      </c>
    </row>
    <row r="2442" spans="1:3" ht="40.5" x14ac:dyDescent="0.15">
      <c r="A2442" s="3">
        <v>2011413131</v>
      </c>
      <c r="B2442" s="4" t="s">
        <v>4898</v>
      </c>
      <c r="C2442" s="3" t="s">
        <v>538</v>
      </c>
    </row>
    <row r="2443" spans="1:3" ht="40.5" x14ac:dyDescent="0.15">
      <c r="A2443" s="3">
        <v>2011413132</v>
      </c>
      <c r="B2443" s="4" t="s">
        <v>4898</v>
      </c>
      <c r="C2443" s="3" t="s">
        <v>538</v>
      </c>
    </row>
    <row r="2444" spans="1:3" ht="40.5" x14ac:dyDescent="0.15">
      <c r="A2444" s="3">
        <v>2011413185</v>
      </c>
      <c r="B2444" s="4" t="s">
        <v>4973</v>
      </c>
      <c r="C2444" s="3" t="s">
        <v>538</v>
      </c>
    </row>
    <row r="2445" spans="1:3" ht="27" x14ac:dyDescent="0.15">
      <c r="A2445" s="3">
        <v>2011413222</v>
      </c>
      <c r="B2445" s="4" t="s">
        <v>5026</v>
      </c>
      <c r="C2445" s="3" t="s">
        <v>5027</v>
      </c>
    </row>
    <row r="2446" spans="1:3" ht="27" x14ac:dyDescent="0.15">
      <c r="A2446" s="3">
        <v>2011410429</v>
      </c>
      <c r="B2446" s="4" t="s">
        <v>1624</v>
      </c>
      <c r="C2446" s="3" t="s">
        <v>1625</v>
      </c>
    </row>
    <row r="2447" spans="1:3" ht="27" x14ac:dyDescent="0.15">
      <c r="A2447" s="3">
        <v>2011413134</v>
      </c>
      <c r="B2447" s="4" t="s">
        <v>4901</v>
      </c>
      <c r="C2447" s="3" t="s">
        <v>1625</v>
      </c>
    </row>
    <row r="2448" spans="1:3" ht="27" x14ac:dyDescent="0.15">
      <c r="A2448" s="3">
        <v>2011413135</v>
      </c>
      <c r="B2448" s="4" t="s">
        <v>4902</v>
      </c>
      <c r="C2448" s="3" t="s">
        <v>1625</v>
      </c>
    </row>
    <row r="2449" spans="1:3" ht="27" x14ac:dyDescent="0.15">
      <c r="A2449" s="3">
        <v>2011413136</v>
      </c>
      <c r="B2449" s="4" t="s">
        <v>4903</v>
      </c>
      <c r="C2449" s="3" t="s">
        <v>1625</v>
      </c>
    </row>
    <row r="2450" spans="1:3" ht="27" x14ac:dyDescent="0.15">
      <c r="A2450" s="3">
        <v>2011413137</v>
      </c>
      <c r="B2450" s="4" t="s">
        <v>4904</v>
      </c>
      <c r="C2450" s="3" t="s">
        <v>1625</v>
      </c>
    </row>
    <row r="2451" spans="1:3" ht="27" x14ac:dyDescent="0.15">
      <c r="A2451" s="3">
        <v>2011413138</v>
      </c>
      <c r="B2451" s="4" t="s">
        <v>4905</v>
      </c>
      <c r="C2451" s="3" t="s">
        <v>1625</v>
      </c>
    </row>
    <row r="2452" spans="1:3" ht="27" x14ac:dyDescent="0.15">
      <c r="A2452" s="3">
        <v>2011413103</v>
      </c>
      <c r="B2452" s="4" t="s">
        <v>4857</v>
      </c>
      <c r="C2452" s="3" t="s">
        <v>4858</v>
      </c>
    </row>
    <row r="2453" spans="1:3" ht="27" x14ac:dyDescent="0.15">
      <c r="A2453" s="3">
        <v>2011413104</v>
      </c>
      <c r="B2453" s="4" t="s">
        <v>4859</v>
      </c>
      <c r="C2453" s="3" t="s">
        <v>4858</v>
      </c>
    </row>
    <row r="2454" spans="1:3" ht="27" x14ac:dyDescent="0.15">
      <c r="A2454" s="3">
        <v>2011413141</v>
      </c>
      <c r="B2454" s="4" t="s">
        <v>4909</v>
      </c>
      <c r="C2454" s="3" t="s">
        <v>4910</v>
      </c>
    </row>
    <row r="2455" spans="1:3" x14ac:dyDescent="0.15">
      <c r="A2455" s="3">
        <v>2011413144</v>
      </c>
      <c r="B2455" s="4" t="s">
        <v>4915</v>
      </c>
      <c r="C2455" s="3" t="s">
        <v>4910</v>
      </c>
    </row>
    <row r="2456" spans="1:3" x14ac:dyDescent="0.15">
      <c r="A2456" s="3">
        <v>2011413198</v>
      </c>
      <c r="B2456" s="4" t="s">
        <v>4989</v>
      </c>
      <c r="C2456" s="3" t="s">
        <v>4910</v>
      </c>
    </row>
    <row r="2457" spans="1:3" ht="27" x14ac:dyDescent="0.15">
      <c r="A2457" s="3">
        <v>2011413149</v>
      </c>
      <c r="B2457" s="4" t="s">
        <v>4921</v>
      </c>
      <c r="C2457" s="3" t="s">
        <v>4922</v>
      </c>
    </row>
    <row r="2458" spans="1:3" ht="27" x14ac:dyDescent="0.15">
      <c r="A2458" s="3">
        <v>2011413150</v>
      </c>
      <c r="B2458" s="4" t="s">
        <v>4923</v>
      </c>
      <c r="C2458" s="3" t="s">
        <v>4924</v>
      </c>
    </row>
    <row r="2459" spans="1:3" x14ac:dyDescent="0.15">
      <c r="A2459" s="3">
        <v>2011413151</v>
      </c>
      <c r="B2459" s="4" t="s">
        <v>4925</v>
      </c>
      <c r="C2459" s="3" t="s">
        <v>4924</v>
      </c>
    </row>
    <row r="2460" spans="1:3" x14ac:dyDescent="0.15">
      <c r="A2460" s="3">
        <v>2011410063</v>
      </c>
      <c r="B2460" s="4" t="s">
        <v>1161</v>
      </c>
      <c r="C2460" s="3" t="s">
        <v>1162</v>
      </c>
    </row>
    <row r="2461" spans="1:3" x14ac:dyDescent="0.15">
      <c r="A2461" s="3">
        <v>2011413202</v>
      </c>
      <c r="B2461" s="4" t="s">
        <v>4995</v>
      </c>
      <c r="C2461" s="3" t="s">
        <v>4996</v>
      </c>
    </row>
    <row r="2462" spans="1:3" ht="27" x14ac:dyDescent="0.15">
      <c r="A2462" s="3">
        <v>2011413155</v>
      </c>
      <c r="B2462" s="4" t="s">
        <v>4931</v>
      </c>
      <c r="C2462" s="3" t="s">
        <v>4932</v>
      </c>
    </row>
    <row r="2463" spans="1:3" ht="27" x14ac:dyDescent="0.15">
      <c r="A2463" s="3">
        <v>2011414120</v>
      </c>
      <c r="B2463" s="4" t="s">
        <v>6161</v>
      </c>
      <c r="C2463" s="3" t="s">
        <v>4932</v>
      </c>
    </row>
    <row r="2464" spans="1:3" x14ac:dyDescent="0.15">
      <c r="A2464" s="3">
        <v>2011413153</v>
      </c>
      <c r="B2464" s="4" t="s">
        <v>4928</v>
      </c>
      <c r="C2464" s="3" t="s">
        <v>4929</v>
      </c>
    </row>
    <row r="2465" spans="1:3" x14ac:dyDescent="0.15">
      <c r="A2465" s="3">
        <v>2011413154</v>
      </c>
      <c r="B2465" s="4" t="s">
        <v>4930</v>
      </c>
      <c r="C2465" s="3" t="s">
        <v>4929</v>
      </c>
    </row>
    <row r="2466" spans="1:3" ht="27" x14ac:dyDescent="0.15">
      <c r="A2466" s="3">
        <v>2011413199</v>
      </c>
      <c r="B2466" s="4" t="s">
        <v>4990</v>
      </c>
      <c r="C2466" s="3" t="s">
        <v>4929</v>
      </c>
    </row>
    <row r="2467" spans="1:3" ht="27" x14ac:dyDescent="0.15">
      <c r="A2467" s="3">
        <v>2011413156</v>
      </c>
      <c r="B2467" s="4" t="s">
        <v>4933</v>
      </c>
      <c r="C2467" s="3" t="s">
        <v>4934</v>
      </c>
    </row>
    <row r="2468" spans="1:3" x14ac:dyDescent="0.15">
      <c r="A2468" s="3">
        <v>2011413213</v>
      </c>
      <c r="B2468" s="4" t="s">
        <v>5013</v>
      </c>
      <c r="C2468" s="3" t="s">
        <v>4934</v>
      </c>
    </row>
    <row r="2469" spans="1:3" x14ac:dyDescent="0.15">
      <c r="A2469" s="3">
        <v>2011413214</v>
      </c>
      <c r="B2469" s="4" t="s">
        <v>5014</v>
      </c>
      <c r="C2469" s="3" t="s">
        <v>4934</v>
      </c>
    </row>
    <row r="2470" spans="1:3" ht="27" x14ac:dyDescent="0.15">
      <c r="A2470" s="3">
        <v>2011413162</v>
      </c>
      <c r="B2470" s="4" t="s">
        <v>4943</v>
      </c>
      <c r="C2470" s="3" t="s">
        <v>4944</v>
      </c>
    </row>
    <row r="2471" spans="1:3" ht="27" x14ac:dyDescent="0.15">
      <c r="A2471" s="3">
        <v>2011414385</v>
      </c>
      <c r="B2471" s="4" t="s">
        <v>6516</v>
      </c>
      <c r="C2471" s="3" t="s">
        <v>6517</v>
      </c>
    </row>
    <row r="2472" spans="1:3" ht="40.5" x14ac:dyDescent="0.15">
      <c r="A2472" s="3">
        <v>2008400837</v>
      </c>
      <c r="B2472" s="4" t="s">
        <v>971</v>
      </c>
      <c r="C2472" s="3" t="s">
        <v>972</v>
      </c>
    </row>
    <row r="2473" spans="1:3" ht="27" x14ac:dyDescent="0.15">
      <c r="A2473" s="3">
        <v>2008400451</v>
      </c>
      <c r="B2473" s="4" t="s">
        <v>544</v>
      </c>
      <c r="C2473" s="3" t="s">
        <v>545</v>
      </c>
    </row>
    <row r="2474" spans="1:3" x14ac:dyDescent="0.15">
      <c r="A2474" s="3">
        <v>2011413170</v>
      </c>
      <c r="B2474" s="4" t="s">
        <v>4954</v>
      </c>
      <c r="C2474" s="3" t="s">
        <v>545</v>
      </c>
    </row>
    <row r="2475" spans="1:3" ht="27" x14ac:dyDescent="0.15">
      <c r="A2475" s="3">
        <v>2011413171</v>
      </c>
      <c r="B2475" s="4" t="s">
        <v>4955</v>
      </c>
      <c r="C2475" s="3" t="s">
        <v>545</v>
      </c>
    </row>
    <row r="2476" spans="1:3" ht="27" x14ac:dyDescent="0.15">
      <c r="A2476" s="3">
        <v>2011413172</v>
      </c>
      <c r="B2476" s="4" t="s">
        <v>4956</v>
      </c>
      <c r="C2476" s="3" t="s">
        <v>545</v>
      </c>
    </row>
    <row r="2477" spans="1:3" ht="27" x14ac:dyDescent="0.15">
      <c r="A2477" s="3">
        <v>2011413173</v>
      </c>
      <c r="B2477" s="4" t="s">
        <v>4957</v>
      </c>
      <c r="C2477" s="3" t="s">
        <v>545</v>
      </c>
    </row>
    <row r="2478" spans="1:3" ht="27" x14ac:dyDescent="0.15">
      <c r="A2478" s="3">
        <v>2011413169</v>
      </c>
      <c r="B2478" s="4" t="s">
        <v>4952</v>
      </c>
      <c r="C2478" s="3" t="s">
        <v>4953</v>
      </c>
    </row>
    <row r="2479" spans="1:3" ht="27" x14ac:dyDescent="0.15">
      <c r="A2479" s="3">
        <v>2011413164</v>
      </c>
      <c r="B2479" s="4" t="s">
        <v>4946</v>
      </c>
      <c r="C2479" s="3" t="s">
        <v>4947</v>
      </c>
    </row>
    <row r="2480" spans="1:3" ht="27" x14ac:dyDescent="0.15">
      <c r="A2480" s="3">
        <v>2011413165</v>
      </c>
      <c r="B2480" s="4" t="s">
        <v>4948</v>
      </c>
      <c r="C2480" s="3" t="s">
        <v>4947</v>
      </c>
    </row>
    <row r="2481" spans="1:3" ht="27" x14ac:dyDescent="0.15">
      <c r="A2481" s="3">
        <v>2011413166</v>
      </c>
      <c r="B2481" s="4" t="s">
        <v>4949</v>
      </c>
      <c r="C2481" s="3" t="s">
        <v>4947</v>
      </c>
    </row>
    <row r="2482" spans="1:3" ht="27" x14ac:dyDescent="0.15">
      <c r="A2482" s="3">
        <v>2011413167</v>
      </c>
      <c r="B2482" s="4" t="s">
        <v>4950</v>
      </c>
      <c r="C2482" s="3" t="s">
        <v>4947</v>
      </c>
    </row>
    <row r="2483" spans="1:3" ht="27" x14ac:dyDescent="0.15">
      <c r="A2483" s="3">
        <v>2011413168</v>
      </c>
      <c r="B2483" s="4" t="s">
        <v>4951</v>
      </c>
      <c r="C2483" s="3" t="s">
        <v>4947</v>
      </c>
    </row>
    <row r="2484" spans="1:3" ht="27" x14ac:dyDescent="0.15">
      <c r="A2484" s="3">
        <v>2011413174</v>
      </c>
      <c r="B2484" s="4" t="s">
        <v>4958</v>
      </c>
      <c r="C2484" s="3" t="s">
        <v>4947</v>
      </c>
    </row>
    <row r="2485" spans="1:3" ht="27" x14ac:dyDescent="0.15">
      <c r="A2485" s="3">
        <v>2011413175</v>
      </c>
      <c r="B2485" s="4" t="s">
        <v>4959</v>
      </c>
      <c r="C2485" s="3" t="s">
        <v>4947</v>
      </c>
    </row>
    <row r="2486" spans="1:3" ht="27" x14ac:dyDescent="0.15">
      <c r="A2486" s="3">
        <v>2011413176</v>
      </c>
      <c r="B2486" s="4" t="s">
        <v>4960</v>
      </c>
      <c r="C2486" s="3" t="s">
        <v>4947</v>
      </c>
    </row>
    <row r="2487" spans="1:3" ht="27" x14ac:dyDescent="0.15">
      <c r="A2487" s="3">
        <v>2011413216</v>
      </c>
      <c r="B2487" s="4" t="s">
        <v>5017</v>
      </c>
      <c r="C2487" s="3" t="s">
        <v>4947</v>
      </c>
    </row>
    <row r="2488" spans="1:3" ht="27" x14ac:dyDescent="0.15">
      <c r="A2488" s="3">
        <v>2011413369</v>
      </c>
      <c r="B2488" s="4" t="s">
        <v>5159</v>
      </c>
      <c r="C2488" s="3" t="s">
        <v>5160</v>
      </c>
    </row>
    <row r="2489" spans="1:3" ht="27" x14ac:dyDescent="0.15">
      <c r="A2489" s="3">
        <v>2011413142</v>
      </c>
      <c r="B2489" s="4" t="s">
        <v>4911</v>
      </c>
      <c r="C2489" s="3" t="s">
        <v>4912</v>
      </c>
    </row>
    <row r="2490" spans="1:3" x14ac:dyDescent="0.15">
      <c r="A2490" s="3">
        <v>2011413219</v>
      </c>
      <c r="B2490" s="4" t="s">
        <v>5020</v>
      </c>
      <c r="C2490" s="3" t="s">
        <v>5021</v>
      </c>
    </row>
    <row r="2491" spans="1:3" ht="27" x14ac:dyDescent="0.15">
      <c r="A2491" s="3">
        <v>2011413181</v>
      </c>
      <c r="B2491" s="4" t="s">
        <v>4968</v>
      </c>
      <c r="C2491" s="3" t="s">
        <v>4969</v>
      </c>
    </row>
    <row r="2492" spans="1:3" ht="27" x14ac:dyDescent="0.15">
      <c r="A2492" s="3">
        <v>2011413329</v>
      </c>
      <c r="B2492" s="4" t="s">
        <v>5114</v>
      </c>
      <c r="C2492" s="3" t="s">
        <v>5115</v>
      </c>
    </row>
    <row r="2493" spans="1:3" ht="27" x14ac:dyDescent="0.15">
      <c r="A2493" s="3">
        <v>2011413356</v>
      </c>
      <c r="B2493" s="4" t="s">
        <v>5143</v>
      </c>
      <c r="C2493" s="3" t="s">
        <v>5115</v>
      </c>
    </row>
    <row r="2494" spans="1:3" ht="27" x14ac:dyDescent="0.15">
      <c r="A2494" s="3">
        <v>2011413357</v>
      </c>
      <c r="B2494" s="4" t="s">
        <v>5143</v>
      </c>
      <c r="C2494" s="3" t="s">
        <v>5115</v>
      </c>
    </row>
    <row r="2495" spans="1:3" ht="27" x14ac:dyDescent="0.15">
      <c r="A2495" s="3">
        <v>2011414403</v>
      </c>
      <c r="B2495" s="4" t="s">
        <v>5143</v>
      </c>
      <c r="C2495" s="3" t="s">
        <v>5115</v>
      </c>
    </row>
    <row r="2496" spans="1:3" ht="27" x14ac:dyDescent="0.15">
      <c r="A2496" s="3">
        <v>2008400452</v>
      </c>
      <c r="B2496" s="4" t="s">
        <v>546</v>
      </c>
      <c r="C2496" s="3" t="s">
        <v>547</v>
      </c>
    </row>
    <row r="2497" spans="1:3" ht="27" x14ac:dyDescent="0.15">
      <c r="A2497" s="3">
        <v>2008400453</v>
      </c>
      <c r="B2497" s="4" t="s">
        <v>548</v>
      </c>
      <c r="C2497" s="3" t="s">
        <v>547</v>
      </c>
    </row>
    <row r="2498" spans="1:3" ht="40.5" x14ac:dyDescent="0.15">
      <c r="A2498" s="3">
        <v>2008400454</v>
      </c>
      <c r="B2498" s="4" t="s">
        <v>549</v>
      </c>
      <c r="C2498" s="3" t="s">
        <v>547</v>
      </c>
    </row>
    <row r="2499" spans="1:3" ht="40.5" x14ac:dyDescent="0.15">
      <c r="A2499" s="3">
        <v>2008400456</v>
      </c>
      <c r="B2499" s="4" t="s">
        <v>552</v>
      </c>
      <c r="C2499" s="3" t="s">
        <v>547</v>
      </c>
    </row>
    <row r="2500" spans="1:3" ht="27" x14ac:dyDescent="0.15">
      <c r="A2500" s="3">
        <v>2008400458</v>
      </c>
      <c r="B2500" s="4" t="s">
        <v>554</v>
      </c>
      <c r="C2500" s="3" t="s">
        <v>547</v>
      </c>
    </row>
    <row r="2501" spans="1:3" ht="27" x14ac:dyDescent="0.15">
      <c r="A2501" s="3">
        <v>2008400459</v>
      </c>
      <c r="B2501" s="4" t="s">
        <v>555</v>
      </c>
      <c r="C2501" s="3" t="s">
        <v>547</v>
      </c>
    </row>
    <row r="2502" spans="1:3" ht="27" x14ac:dyDescent="0.15">
      <c r="A2502" s="3">
        <v>2008400460</v>
      </c>
      <c r="B2502" s="4" t="s">
        <v>556</v>
      </c>
      <c r="C2502" s="3" t="s">
        <v>547</v>
      </c>
    </row>
    <row r="2503" spans="1:3" ht="27" x14ac:dyDescent="0.15">
      <c r="A2503" s="3">
        <v>2008400461</v>
      </c>
      <c r="B2503" s="4" t="s">
        <v>556</v>
      </c>
      <c r="C2503" s="3" t="s">
        <v>547</v>
      </c>
    </row>
    <row r="2504" spans="1:3" ht="27" x14ac:dyDescent="0.15">
      <c r="A2504" s="3">
        <v>2008400462</v>
      </c>
      <c r="B2504" s="4" t="s">
        <v>557</v>
      </c>
      <c r="C2504" s="3" t="s">
        <v>547</v>
      </c>
    </row>
    <row r="2505" spans="1:3" ht="27" x14ac:dyDescent="0.15">
      <c r="A2505" s="3">
        <v>2008400472</v>
      </c>
      <c r="B2505" s="4" t="s">
        <v>566</v>
      </c>
      <c r="C2505" s="3" t="s">
        <v>547</v>
      </c>
    </row>
    <row r="2506" spans="1:3" ht="27" x14ac:dyDescent="0.15">
      <c r="A2506" s="3">
        <v>2008400474</v>
      </c>
      <c r="B2506" s="4" t="s">
        <v>568</v>
      </c>
      <c r="C2506" s="3" t="s">
        <v>547</v>
      </c>
    </row>
    <row r="2507" spans="1:3" ht="27" x14ac:dyDescent="0.15">
      <c r="A2507" s="3">
        <v>2008400475</v>
      </c>
      <c r="B2507" s="4" t="s">
        <v>569</v>
      </c>
      <c r="C2507" s="3" t="s">
        <v>547</v>
      </c>
    </row>
    <row r="2508" spans="1:3" ht="27" x14ac:dyDescent="0.15">
      <c r="A2508" s="3">
        <v>2008400476</v>
      </c>
      <c r="B2508" s="4" t="s">
        <v>570</v>
      </c>
      <c r="C2508" s="3" t="s">
        <v>547</v>
      </c>
    </row>
    <row r="2509" spans="1:3" ht="27" x14ac:dyDescent="0.15">
      <c r="A2509" s="3">
        <v>2008400477</v>
      </c>
      <c r="B2509" s="4" t="s">
        <v>571</v>
      </c>
      <c r="C2509" s="3" t="s">
        <v>547</v>
      </c>
    </row>
    <row r="2510" spans="1:3" ht="27" x14ac:dyDescent="0.15">
      <c r="A2510" s="3">
        <v>2008400478</v>
      </c>
      <c r="B2510" s="4" t="s">
        <v>572</v>
      </c>
      <c r="C2510" s="3" t="s">
        <v>547</v>
      </c>
    </row>
    <row r="2511" spans="1:3" ht="27" x14ac:dyDescent="0.15">
      <c r="A2511" s="3">
        <v>2008400479</v>
      </c>
      <c r="B2511" s="4" t="s">
        <v>573</v>
      </c>
      <c r="C2511" s="3" t="s">
        <v>547</v>
      </c>
    </row>
    <row r="2512" spans="1:3" ht="27" x14ac:dyDescent="0.15">
      <c r="A2512" s="3">
        <v>2008400501</v>
      </c>
      <c r="B2512" s="4" t="s">
        <v>601</v>
      </c>
      <c r="C2512" s="3" t="s">
        <v>547</v>
      </c>
    </row>
    <row r="2513" spans="1:3" ht="27" x14ac:dyDescent="0.15">
      <c r="A2513" s="3">
        <v>2008400502</v>
      </c>
      <c r="B2513" s="4" t="s">
        <v>602</v>
      </c>
      <c r="C2513" s="3" t="s">
        <v>547</v>
      </c>
    </row>
    <row r="2514" spans="1:3" ht="27" x14ac:dyDescent="0.15">
      <c r="A2514" s="3">
        <v>2008400503</v>
      </c>
      <c r="B2514" s="4" t="s">
        <v>603</v>
      </c>
      <c r="C2514" s="3" t="s">
        <v>547</v>
      </c>
    </row>
    <row r="2515" spans="1:3" ht="27" x14ac:dyDescent="0.15">
      <c r="A2515" s="3">
        <v>2008400504</v>
      </c>
      <c r="B2515" s="4" t="s">
        <v>604</v>
      </c>
      <c r="C2515" s="3" t="s">
        <v>547</v>
      </c>
    </row>
    <row r="2516" spans="1:3" ht="40.5" x14ac:dyDescent="0.15">
      <c r="A2516" s="3">
        <v>2008400505</v>
      </c>
      <c r="B2516" s="4" t="s">
        <v>605</v>
      </c>
      <c r="C2516" s="3" t="s">
        <v>547</v>
      </c>
    </row>
    <row r="2517" spans="1:3" ht="27" x14ac:dyDescent="0.15">
      <c r="A2517" s="3">
        <v>2008400506</v>
      </c>
      <c r="B2517" s="4" t="s">
        <v>606</v>
      </c>
      <c r="C2517" s="3" t="s">
        <v>547</v>
      </c>
    </row>
    <row r="2518" spans="1:3" ht="27" x14ac:dyDescent="0.15">
      <c r="A2518" s="3">
        <v>2008400507</v>
      </c>
      <c r="B2518" s="4" t="s">
        <v>607</v>
      </c>
      <c r="C2518" s="3" t="s">
        <v>547</v>
      </c>
    </row>
    <row r="2519" spans="1:3" ht="27" x14ac:dyDescent="0.15">
      <c r="A2519" s="3">
        <v>2008400508</v>
      </c>
      <c r="B2519" s="4" t="s">
        <v>608</v>
      </c>
      <c r="C2519" s="3" t="s">
        <v>547</v>
      </c>
    </row>
    <row r="2520" spans="1:3" x14ac:dyDescent="0.15">
      <c r="A2520" s="3">
        <v>2008400509</v>
      </c>
      <c r="B2520" s="4" t="s">
        <v>609</v>
      </c>
      <c r="C2520" s="3" t="s">
        <v>547</v>
      </c>
    </row>
    <row r="2521" spans="1:3" ht="27" x14ac:dyDescent="0.15">
      <c r="A2521" s="3">
        <v>2008400510</v>
      </c>
      <c r="B2521" s="4" t="s">
        <v>610</v>
      </c>
      <c r="C2521" s="3" t="s">
        <v>547</v>
      </c>
    </row>
    <row r="2522" spans="1:3" ht="27" x14ac:dyDescent="0.15">
      <c r="A2522" s="3">
        <v>2008400511</v>
      </c>
      <c r="B2522" s="4" t="s">
        <v>611</v>
      </c>
      <c r="C2522" s="3" t="s">
        <v>547</v>
      </c>
    </row>
    <row r="2523" spans="1:3" x14ac:dyDescent="0.15">
      <c r="A2523" s="3">
        <v>2008400512</v>
      </c>
      <c r="B2523" s="4" t="s">
        <v>612</v>
      </c>
      <c r="C2523" s="3" t="s">
        <v>547</v>
      </c>
    </row>
    <row r="2524" spans="1:3" ht="27" x14ac:dyDescent="0.15">
      <c r="A2524" s="3">
        <v>2008400513</v>
      </c>
      <c r="B2524" s="4" t="s">
        <v>613</v>
      </c>
      <c r="C2524" s="3" t="s">
        <v>547</v>
      </c>
    </row>
    <row r="2525" spans="1:3" ht="27" x14ac:dyDescent="0.15">
      <c r="A2525" s="3">
        <v>2008400514</v>
      </c>
      <c r="B2525" s="4" t="s">
        <v>614</v>
      </c>
      <c r="C2525" s="3" t="s">
        <v>547</v>
      </c>
    </row>
    <row r="2526" spans="1:3" ht="27" x14ac:dyDescent="0.15">
      <c r="A2526" s="3">
        <v>2008400517</v>
      </c>
      <c r="B2526" s="4" t="s">
        <v>617</v>
      </c>
      <c r="C2526" s="3" t="s">
        <v>547</v>
      </c>
    </row>
    <row r="2527" spans="1:3" x14ac:dyDescent="0.15">
      <c r="A2527" s="3">
        <v>2008400519</v>
      </c>
      <c r="B2527" s="4" t="s">
        <v>619</v>
      </c>
      <c r="C2527" s="3" t="s">
        <v>547</v>
      </c>
    </row>
    <row r="2528" spans="1:3" ht="27" x14ac:dyDescent="0.15">
      <c r="A2528" s="3">
        <v>2008400520</v>
      </c>
      <c r="B2528" s="4" t="s">
        <v>620</v>
      </c>
      <c r="C2528" s="3" t="s">
        <v>547</v>
      </c>
    </row>
    <row r="2529" spans="1:3" ht="27" x14ac:dyDescent="0.15">
      <c r="A2529" s="3">
        <v>2008400521</v>
      </c>
      <c r="B2529" s="4" t="s">
        <v>621</v>
      </c>
      <c r="C2529" s="3" t="s">
        <v>547</v>
      </c>
    </row>
    <row r="2530" spans="1:3" ht="27" x14ac:dyDescent="0.15">
      <c r="A2530" s="3">
        <v>2008400522</v>
      </c>
      <c r="B2530" s="4" t="s">
        <v>622</v>
      </c>
      <c r="C2530" s="3" t="s">
        <v>547</v>
      </c>
    </row>
    <row r="2531" spans="1:3" ht="27" x14ac:dyDescent="0.15">
      <c r="A2531" s="3">
        <v>2008400523</v>
      </c>
      <c r="B2531" s="4" t="s">
        <v>623</v>
      </c>
      <c r="C2531" s="3" t="s">
        <v>547</v>
      </c>
    </row>
    <row r="2532" spans="1:3" ht="27" x14ac:dyDescent="0.15">
      <c r="A2532" s="3">
        <v>2008400524</v>
      </c>
      <c r="B2532" s="4" t="s">
        <v>624</v>
      </c>
      <c r="C2532" s="3" t="s">
        <v>547</v>
      </c>
    </row>
    <row r="2533" spans="1:3" ht="27" x14ac:dyDescent="0.15">
      <c r="A2533" s="3">
        <v>2008400525</v>
      </c>
      <c r="B2533" s="4" t="s">
        <v>625</v>
      </c>
      <c r="C2533" s="3" t="s">
        <v>547</v>
      </c>
    </row>
    <row r="2534" spans="1:3" ht="27" x14ac:dyDescent="0.15">
      <c r="A2534" s="3">
        <v>2008400526</v>
      </c>
      <c r="B2534" s="4" t="s">
        <v>626</v>
      </c>
      <c r="C2534" s="3" t="s">
        <v>547</v>
      </c>
    </row>
    <row r="2535" spans="1:3" ht="27" x14ac:dyDescent="0.15">
      <c r="A2535" s="3">
        <v>2008400527</v>
      </c>
      <c r="B2535" s="4" t="s">
        <v>627</v>
      </c>
      <c r="C2535" s="3" t="s">
        <v>547</v>
      </c>
    </row>
    <row r="2536" spans="1:3" ht="27" x14ac:dyDescent="0.15">
      <c r="A2536" s="3">
        <v>2008400578</v>
      </c>
      <c r="B2536" s="4" t="s">
        <v>691</v>
      </c>
      <c r="C2536" s="3" t="s">
        <v>547</v>
      </c>
    </row>
    <row r="2537" spans="1:3" x14ac:dyDescent="0.15">
      <c r="A2537" s="3">
        <v>2008400838</v>
      </c>
      <c r="B2537" s="4" t="s">
        <v>973</v>
      </c>
      <c r="C2537" s="3" t="s">
        <v>547</v>
      </c>
    </row>
    <row r="2538" spans="1:3" ht="27" x14ac:dyDescent="0.15">
      <c r="A2538" s="3">
        <v>2011413230</v>
      </c>
      <c r="B2538" s="4" t="s">
        <v>5040</v>
      </c>
      <c r="C2538" s="3" t="s">
        <v>547</v>
      </c>
    </row>
    <row r="2539" spans="1:3" ht="27" x14ac:dyDescent="0.15">
      <c r="A2539" s="3">
        <v>2011413232</v>
      </c>
      <c r="B2539" s="4" t="s">
        <v>5043</v>
      </c>
      <c r="C2539" s="3" t="s">
        <v>547</v>
      </c>
    </row>
    <row r="2540" spans="1:3" ht="27" x14ac:dyDescent="0.15">
      <c r="A2540" s="3">
        <v>2011413235</v>
      </c>
      <c r="B2540" s="4" t="s">
        <v>5044</v>
      </c>
      <c r="C2540" s="3" t="s">
        <v>547</v>
      </c>
    </row>
    <row r="2541" spans="1:3" ht="27" x14ac:dyDescent="0.15">
      <c r="A2541" s="3">
        <v>2011413236</v>
      </c>
      <c r="B2541" s="4" t="s">
        <v>5045</v>
      </c>
      <c r="C2541" s="3" t="s">
        <v>547</v>
      </c>
    </row>
    <row r="2542" spans="1:3" x14ac:dyDescent="0.15">
      <c r="A2542" s="3">
        <v>2011413237</v>
      </c>
      <c r="B2542" s="4" t="s">
        <v>5046</v>
      </c>
      <c r="C2542" s="3" t="s">
        <v>547</v>
      </c>
    </row>
    <row r="2543" spans="1:3" ht="40.5" x14ac:dyDescent="0.15">
      <c r="A2543" s="3">
        <v>2011413238</v>
      </c>
      <c r="B2543" s="4" t="s">
        <v>549</v>
      </c>
      <c r="C2543" s="3" t="s">
        <v>547</v>
      </c>
    </row>
    <row r="2544" spans="1:3" ht="27" x14ac:dyDescent="0.15">
      <c r="A2544" s="3">
        <v>2011413239</v>
      </c>
      <c r="B2544" s="4" t="s">
        <v>5047</v>
      </c>
      <c r="C2544" s="3" t="s">
        <v>547</v>
      </c>
    </row>
    <row r="2545" spans="1:3" ht="27" x14ac:dyDescent="0.15">
      <c r="A2545" s="3">
        <v>2011413240</v>
      </c>
      <c r="B2545" s="4" t="s">
        <v>624</v>
      </c>
      <c r="C2545" s="3" t="s">
        <v>547</v>
      </c>
    </row>
    <row r="2546" spans="1:3" x14ac:dyDescent="0.15">
      <c r="A2546" s="3">
        <v>2011413241</v>
      </c>
      <c r="B2546" s="4" t="s">
        <v>5048</v>
      </c>
      <c r="C2546" s="3" t="s">
        <v>547</v>
      </c>
    </row>
    <row r="2547" spans="1:3" ht="27" x14ac:dyDescent="0.15">
      <c r="A2547" s="3">
        <v>2011413242</v>
      </c>
      <c r="B2547" s="4" t="s">
        <v>5049</v>
      </c>
      <c r="C2547" s="3" t="s">
        <v>547</v>
      </c>
    </row>
    <row r="2548" spans="1:3" ht="27" x14ac:dyDescent="0.15">
      <c r="A2548" s="3">
        <v>2011413243</v>
      </c>
      <c r="B2548" s="4" t="s">
        <v>5050</v>
      </c>
      <c r="C2548" s="3" t="s">
        <v>547</v>
      </c>
    </row>
    <row r="2549" spans="1:3" ht="27" x14ac:dyDescent="0.15">
      <c r="A2549" s="3">
        <v>2011413244</v>
      </c>
      <c r="B2549" s="4" t="s">
        <v>5051</v>
      </c>
      <c r="C2549" s="3" t="s">
        <v>547</v>
      </c>
    </row>
    <row r="2550" spans="1:3" ht="27" x14ac:dyDescent="0.15">
      <c r="A2550" s="3">
        <v>2011413245</v>
      </c>
      <c r="B2550" s="4" t="s">
        <v>5052</v>
      </c>
      <c r="C2550" s="3" t="s">
        <v>547</v>
      </c>
    </row>
    <row r="2551" spans="1:3" ht="27" x14ac:dyDescent="0.15">
      <c r="A2551" s="3">
        <v>2011413246</v>
      </c>
      <c r="B2551" s="4" t="s">
        <v>626</v>
      </c>
      <c r="C2551" s="3" t="s">
        <v>547</v>
      </c>
    </row>
    <row r="2552" spans="1:3" ht="27" x14ac:dyDescent="0.15">
      <c r="A2552" s="3">
        <v>2011413247</v>
      </c>
      <c r="B2552" s="4" t="s">
        <v>5053</v>
      </c>
      <c r="C2552" s="3" t="s">
        <v>547</v>
      </c>
    </row>
    <row r="2553" spans="1:3" ht="27" x14ac:dyDescent="0.15">
      <c r="A2553" s="3">
        <v>2011413248</v>
      </c>
      <c r="B2553" s="4" t="s">
        <v>5054</v>
      </c>
      <c r="C2553" s="3" t="s">
        <v>547</v>
      </c>
    </row>
    <row r="2554" spans="1:3" ht="27" x14ac:dyDescent="0.15">
      <c r="A2554" s="3">
        <v>2011413249</v>
      </c>
      <c r="B2554" s="4" t="s">
        <v>5055</v>
      </c>
      <c r="C2554" s="3" t="s">
        <v>547</v>
      </c>
    </row>
    <row r="2555" spans="1:3" ht="27" x14ac:dyDescent="0.15">
      <c r="A2555" s="3">
        <v>2011413250</v>
      </c>
      <c r="B2555" s="4" t="s">
        <v>5056</v>
      </c>
      <c r="C2555" s="3" t="s">
        <v>547</v>
      </c>
    </row>
    <row r="2556" spans="1:3" ht="27" x14ac:dyDescent="0.15">
      <c r="A2556" s="3">
        <v>2011413251</v>
      </c>
      <c r="B2556" s="4" t="s">
        <v>5056</v>
      </c>
      <c r="C2556" s="3" t="s">
        <v>547</v>
      </c>
    </row>
    <row r="2557" spans="1:3" ht="27" x14ac:dyDescent="0.15">
      <c r="A2557" s="3">
        <v>2011413252</v>
      </c>
      <c r="B2557" s="4" t="s">
        <v>5056</v>
      </c>
      <c r="C2557" s="3" t="s">
        <v>547</v>
      </c>
    </row>
    <row r="2558" spans="1:3" ht="27" x14ac:dyDescent="0.15">
      <c r="A2558" s="3">
        <v>2011413253</v>
      </c>
      <c r="B2558" s="4" t="s">
        <v>614</v>
      </c>
      <c r="C2558" s="3" t="s">
        <v>547</v>
      </c>
    </row>
    <row r="2559" spans="1:3" ht="27" x14ac:dyDescent="0.15">
      <c r="A2559" s="3">
        <v>2011413254</v>
      </c>
      <c r="B2559" s="4" t="s">
        <v>5057</v>
      </c>
      <c r="C2559" s="3" t="s">
        <v>547</v>
      </c>
    </row>
    <row r="2560" spans="1:3" ht="27" x14ac:dyDescent="0.15">
      <c r="A2560" s="3">
        <v>2011413255</v>
      </c>
      <c r="B2560" s="4" t="s">
        <v>610</v>
      </c>
      <c r="C2560" s="3" t="s">
        <v>547</v>
      </c>
    </row>
    <row r="2561" spans="1:3" ht="27" x14ac:dyDescent="0.15">
      <c r="A2561" s="3">
        <v>2011413256</v>
      </c>
      <c r="B2561" s="4" t="s">
        <v>5058</v>
      </c>
      <c r="C2561" s="3" t="s">
        <v>547</v>
      </c>
    </row>
    <row r="2562" spans="1:3" ht="27" x14ac:dyDescent="0.15">
      <c r="A2562" s="3">
        <v>2011413257</v>
      </c>
      <c r="B2562" s="4" t="s">
        <v>5058</v>
      </c>
      <c r="C2562" s="3" t="s">
        <v>547</v>
      </c>
    </row>
    <row r="2563" spans="1:3" ht="27" x14ac:dyDescent="0.15">
      <c r="A2563" s="3">
        <v>2011413258</v>
      </c>
      <c r="B2563" s="4" t="s">
        <v>691</v>
      </c>
      <c r="C2563" s="3" t="s">
        <v>547</v>
      </c>
    </row>
    <row r="2564" spans="1:3" x14ac:dyDescent="0.15">
      <c r="A2564" s="3">
        <v>2011413259</v>
      </c>
      <c r="B2564" s="4" t="s">
        <v>5059</v>
      </c>
      <c r="C2564" s="3" t="s">
        <v>547</v>
      </c>
    </row>
    <row r="2565" spans="1:3" ht="27" x14ac:dyDescent="0.15">
      <c r="A2565" s="3">
        <v>2011413260</v>
      </c>
      <c r="B2565" s="4" t="s">
        <v>5060</v>
      </c>
      <c r="C2565" s="3" t="s">
        <v>547</v>
      </c>
    </row>
    <row r="2566" spans="1:3" ht="27" x14ac:dyDescent="0.15">
      <c r="A2566" s="3">
        <v>2011413261</v>
      </c>
      <c r="B2566" s="4" t="s">
        <v>5061</v>
      </c>
      <c r="C2566" s="3" t="s">
        <v>547</v>
      </c>
    </row>
    <row r="2567" spans="1:3" ht="27" x14ac:dyDescent="0.15">
      <c r="A2567" s="3">
        <v>2011413262</v>
      </c>
      <c r="B2567" s="4" t="s">
        <v>5061</v>
      </c>
      <c r="C2567" s="3" t="s">
        <v>547</v>
      </c>
    </row>
    <row r="2568" spans="1:3" ht="27" x14ac:dyDescent="0.15">
      <c r="A2568" s="3">
        <v>2011413263</v>
      </c>
      <c r="B2568" s="4" t="s">
        <v>5062</v>
      </c>
      <c r="C2568" s="3" t="s">
        <v>547</v>
      </c>
    </row>
    <row r="2569" spans="1:3" ht="27" x14ac:dyDescent="0.15">
      <c r="A2569" s="3">
        <v>2011413264</v>
      </c>
      <c r="B2569" s="4" t="s">
        <v>5063</v>
      </c>
      <c r="C2569" s="3" t="s">
        <v>547</v>
      </c>
    </row>
    <row r="2570" spans="1:3" ht="27" x14ac:dyDescent="0.15">
      <c r="A2570" s="3">
        <v>2011413265</v>
      </c>
      <c r="B2570" s="4" t="s">
        <v>5064</v>
      </c>
      <c r="C2570" s="3" t="s">
        <v>547</v>
      </c>
    </row>
    <row r="2571" spans="1:3" ht="27" x14ac:dyDescent="0.15">
      <c r="A2571" s="3">
        <v>2011413266</v>
      </c>
      <c r="B2571" s="4" t="s">
        <v>5065</v>
      </c>
      <c r="C2571" s="3" t="s">
        <v>547</v>
      </c>
    </row>
    <row r="2572" spans="1:3" ht="27" x14ac:dyDescent="0.15">
      <c r="A2572" s="3">
        <v>2011413267</v>
      </c>
      <c r="B2572" s="4" t="s">
        <v>557</v>
      </c>
      <c r="C2572" s="3" t="s">
        <v>547</v>
      </c>
    </row>
    <row r="2573" spans="1:3" ht="27" x14ac:dyDescent="0.15">
      <c r="A2573" s="3">
        <v>2011413268</v>
      </c>
      <c r="B2573" s="4" t="s">
        <v>604</v>
      </c>
      <c r="C2573" s="3" t="s">
        <v>547</v>
      </c>
    </row>
    <row r="2574" spans="1:3" ht="27" x14ac:dyDescent="0.15">
      <c r="A2574" s="3">
        <v>2011413269</v>
      </c>
      <c r="B2574" s="4" t="s">
        <v>5066</v>
      </c>
      <c r="C2574" s="3" t="s">
        <v>547</v>
      </c>
    </row>
    <row r="2575" spans="1:3" ht="27" x14ac:dyDescent="0.15">
      <c r="A2575" s="3">
        <v>2011413270</v>
      </c>
      <c r="B2575" s="4" t="s">
        <v>5066</v>
      </c>
      <c r="C2575" s="3" t="s">
        <v>547</v>
      </c>
    </row>
    <row r="2576" spans="1:3" ht="27" x14ac:dyDescent="0.15">
      <c r="A2576" s="3">
        <v>2011413271</v>
      </c>
      <c r="B2576" s="4" t="s">
        <v>5067</v>
      </c>
      <c r="C2576" s="3" t="s">
        <v>547</v>
      </c>
    </row>
    <row r="2577" spans="1:3" ht="27" x14ac:dyDescent="0.15">
      <c r="A2577" s="3">
        <v>2011413272</v>
      </c>
      <c r="B2577" s="4" t="s">
        <v>5068</v>
      </c>
      <c r="C2577" s="3" t="s">
        <v>547</v>
      </c>
    </row>
    <row r="2578" spans="1:3" ht="27" x14ac:dyDescent="0.15">
      <c r="A2578" s="3">
        <v>2011413273</v>
      </c>
      <c r="B2578" s="4" t="s">
        <v>621</v>
      </c>
      <c r="C2578" s="3" t="s">
        <v>547</v>
      </c>
    </row>
    <row r="2579" spans="1:3" ht="27" x14ac:dyDescent="0.15">
      <c r="A2579" s="3">
        <v>2011413274</v>
      </c>
      <c r="B2579" s="4" t="s">
        <v>5069</v>
      </c>
      <c r="C2579" s="3" t="s">
        <v>547</v>
      </c>
    </row>
    <row r="2580" spans="1:3" ht="27" x14ac:dyDescent="0.15">
      <c r="A2580" s="3">
        <v>2011413275</v>
      </c>
      <c r="B2580" s="4" t="s">
        <v>5069</v>
      </c>
      <c r="C2580" s="3" t="s">
        <v>547</v>
      </c>
    </row>
    <row r="2581" spans="1:3" ht="27" x14ac:dyDescent="0.15">
      <c r="A2581" s="3">
        <v>2011413276</v>
      </c>
      <c r="B2581" s="4" t="s">
        <v>5070</v>
      </c>
      <c r="C2581" s="3" t="s">
        <v>547</v>
      </c>
    </row>
    <row r="2582" spans="1:3" x14ac:dyDescent="0.15">
      <c r="A2582" s="3">
        <v>2011413277</v>
      </c>
      <c r="B2582" s="4" t="s">
        <v>5071</v>
      </c>
      <c r="C2582" s="3" t="s">
        <v>547</v>
      </c>
    </row>
    <row r="2583" spans="1:3" ht="27" x14ac:dyDescent="0.15">
      <c r="A2583" s="3">
        <v>2011413278</v>
      </c>
      <c r="B2583" s="4" t="s">
        <v>566</v>
      </c>
      <c r="C2583" s="3" t="s">
        <v>547</v>
      </c>
    </row>
    <row r="2584" spans="1:3" ht="27" x14ac:dyDescent="0.15">
      <c r="A2584" s="3">
        <v>2011413279</v>
      </c>
      <c r="B2584" s="4" t="s">
        <v>5072</v>
      </c>
      <c r="C2584" s="3" t="s">
        <v>547</v>
      </c>
    </row>
    <row r="2585" spans="1:3" ht="27" x14ac:dyDescent="0.15">
      <c r="A2585" s="3">
        <v>2011413280</v>
      </c>
      <c r="B2585" s="4" t="s">
        <v>5073</v>
      </c>
      <c r="C2585" s="3" t="s">
        <v>547</v>
      </c>
    </row>
    <row r="2586" spans="1:3" ht="27" x14ac:dyDescent="0.15">
      <c r="A2586" s="3">
        <v>2011413281</v>
      </c>
      <c r="B2586" s="4" t="s">
        <v>556</v>
      </c>
      <c r="C2586" s="3" t="s">
        <v>547</v>
      </c>
    </row>
    <row r="2587" spans="1:3" ht="27" x14ac:dyDescent="0.15">
      <c r="A2587" s="3">
        <v>2011413282</v>
      </c>
      <c r="B2587" s="4" t="s">
        <v>555</v>
      </c>
      <c r="C2587" s="3" t="s">
        <v>547</v>
      </c>
    </row>
    <row r="2588" spans="1:3" ht="27" x14ac:dyDescent="0.15">
      <c r="A2588" s="3">
        <v>2011413283</v>
      </c>
      <c r="B2588" s="4" t="s">
        <v>5074</v>
      </c>
      <c r="C2588" s="3" t="s">
        <v>547</v>
      </c>
    </row>
    <row r="2589" spans="1:3" ht="27" x14ac:dyDescent="0.15">
      <c r="A2589" s="3">
        <v>2011413284</v>
      </c>
      <c r="B2589" s="4" t="s">
        <v>5074</v>
      </c>
      <c r="C2589" s="3" t="s">
        <v>547</v>
      </c>
    </row>
    <row r="2590" spans="1:3" x14ac:dyDescent="0.15">
      <c r="A2590" s="3">
        <v>2011413285</v>
      </c>
      <c r="B2590" s="4" t="s">
        <v>5075</v>
      </c>
      <c r="C2590" s="3" t="s">
        <v>547</v>
      </c>
    </row>
    <row r="2591" spans="1:3" ht="27" x14ac:dyDescent="0.15">
      <c r="A2591" s="3">
        <v>2011413286</v>
      </c>
      <c r="B2591" s="4" t="s">
        <v>5076</v>
      </c>
      <c r="C2591" s="3" t="s">
        <v>547</v>
      </c>
    </row>
    <row r="2592" spans="1:3" ht="27" x14ac:dyDescent="0.15">
      <c r="A2592" s="3">
        <v>2011413288</v>
      </c>
      <c r="B2592" s="4" t="s">
        <v>5077</v>
      </c>
      <c r="C2592" s="3" t="s">
        <v>547</v>
      </c>
    </row>
    <row r="2593" spans="1:3" ht="27" x14ac:dyDescent="0.15">
      <c r="A2593" s="3">
        <v>2011413289</v>
      </c>
      <c r="B2593" s="4" t="s">
        <v>5078</v>
      </c>
      <c r="C2593" s="3" t="s">
        <v>547</v>
      </c>
    </row>
    <row r="2594" spans="1:3" ht="27" x14ac:dyDescent="0.15">
      <c r="A2594" s="3">
        <v>2011413290</v>
      </c>
      <c r="B2594" s="4" t="s">
        <v>5079</v>
      </c>
      <c r="C2594" s="3" t="s">
        <v>547</v>
      </c>
    </row>
    <row r="2595" spans="1:3" ht="27" x14ac:dyDescent="0.15">
      <c r="A2595" s="3">
        <v>2011413291</v>
      </c>
      <c r="B2595" s="4" t="s">
        <v>5080</v>
      </c>
      <c r="C2595" s="3" t="s">
        <v>547</v>
      </c>
    </row>
    <row r="2596" spans="1:3" ht="27" x14ac:dyDescent="0.15">
      <c r="A2596" s="3">
        <v>2011413292</v>
      </c>
      <c r="B2596" s="4" t="s">
        <v>602</v>
      </c>
      <c r="C2596" s="3" t="s">
        <v>547</v>
      </c>
    </row>
    <row r="2597" spans="1:3" ht="27" x14ac:dyDescent="0.15">
      <c r="A2597" s="3">
        <v>2011413293</v>
      </c>
      <c r="B2597" s="4" t="s">
        <v>5081</v>
      </c>
      <c r="C2597" s="3" t="s">
        <v>547</v>
      </c>
    </row>
    <row r="2598" spans="1:3" ht="27" x14ac:dyDescent="0.15">
      <c r="A2598" s="3">
        <v>2011413294</v>
      </c>
      <c r="B2598" s="4" t="s">
        <v>5082</v>
      </c>
      <c r="C2598" s="3" t="s">
        <v>547</v>
      </c>
    </row>
    <row r="2599" spans="1:3" ht="27" x14ac:dyDescent="0.15">
      <c r="A2599" s="3">
        <v>2011413295</v>
      </c>
      <c r="B2599" s="4" t="s">
        <v>5083</v>
      </c>
      <c r="C2599" s="3" t="s">
        <v>547</v>
      </c>
    </row>
    <row r="2600" spans="1:3" ht="27" x14ac:dyDescent="0.15">
      <c r="A2600" s="3">
        <v>2011413296</v>
      </c>
      <c r="B2600" s="4" t="s">
        <v>5084</v>
      </c>
      <c r="C2600" s="3" t="s">
        <v>547</v>
      </c>
    </row>
    <row r="2601" spans="1:3" ht="27" x14ac:dyDescent="0.15">
      <c r="A2601" s="3">
        <v>2011413297</v>
      </c>
      <c r="B2601" s="4" t="s">
        <v>5085</v>
      </c>
      <c r="C2601" s="3" t="s">
        <v>547</v>
      </c>
    </row>
    <row r="2602" spans="1:3" ht="27" x14ac:dyDescent="0.15">
      <c r="A2602" s="3">
        <v>2011413298</v>
      </c>
      <c r="B2602" s="4" t="s">
        <v>5086</v>
      </c>
      <c r="C2602" s="3" t="s">
        <v>547</v>
      </c>
    </row>
    <row r="2603" spans="1:3" ht="27" x14ac:dyDescent="0.15">
      <c r="A2603" s="3">
        <v>2011413299</v>
      </c>
      <c r="B2603" s="4" t="s">
        <v>5087</v>
      </c>
      <c r="C2603" s="3" t="s">
        <v>547</v>
      </c>
    </row>
    <row r="2604" spans="1:3" ht="27" x14ac:dyDescent="0.15">
      <c r="A2604" s="3">
        <v>2011413300</v>
      </c>
      <c r="B2604" s="4" t="s">
        <v>5088</v>
      </c>
      <c r="C2604" s="3" t="s">
        <v>547</v>
      </c>
    </row>
    <row r="2605" spans="1:3" ht="27" x14ac:dyDescent="0.15">
      <c r="A2605" s="3">
        <v>2011413301</v>
      </c>
      <c r="B2605" s="4" t="s">
        <v>5089</v>
      </c>
      <c r="C2605" s="3" t="s">
        <v>547</v>
      </c>
    </row>
    <row r="2606" spans="1:3" ht="27" x14ac:dyDescent="0.15">
      <c r="A2606" s="3">
        <v>2011413302</v>
      </c>
      <c r="B2606" s="4" t="s">
        <v>5090</v>
      </c>
      <c r="C2606" s="3" t="s">
        <v>547</v>
      </c>
    </row>
    <row r="2607" spans="1:3" ht="27" x14ac:dyDescent="0.15">
      <c r="A2607" s="3">
        <v>2011413303</v>
      </c>
      <c r="B2607" s="4" t="s">
        <v>5090</v>
      </c>
      <c r="C2607" s="3" t="s">
        <v>547</v>
      </c>
    </row>
    <row r="2608" spans="1:3" ht="27" x14ac:dyDescent="0.15">
      <c r="A2608" s="3">
        <v>2011413304</v>
      </c>
      <c r="B2608" s="4" t="s">
        <v>5091</v>
      </c>
      <c r="C2608" s="3" t="s">
        <v>547</v>
      </c>
    </row>
    <row r="2609" spans="1:3" ht="27" x14ac:dyDescent="0.15">
      <c r="A2609" s="3">
        <v>2011413305</v>
      </c>
      <c r="B2609" s="4" t="s">
        <v>5092</v>
      </c>
      <c r="C2609" s="3" t="s">
        <v>547</v>
      </c>
    </row>
    <row r="2610" spans="1:3" ht="27" x14ac:dyDescent="0.15">
      <c r="A2610" s="3">
        <v>2011413306</v>
      </c>
      <c r="B2610" s="4" t="s">
        <v>5093</v>
      </c>
      <c r="C2610" s="3" t="s">
        <v>547</v>
      </c>
    </row>
    <row r="2611" spans="1:3" ht="27" x14ac:dyDescent="0.15">
      <c r="A2611" s="3">
        <v>2011413307</v>
      </c>
      <c r="B2611" s="4" t="s">
        <v>5094</v>
      </c>
      <c r="C2611" s="3" t="s">
        <v>547</v>
      </c>
    </row>
    <row r="2612" spans="1:3" ht="27" x14ac:dyDescent="0.15">
      <c r="A2612" s="3">
        <v>2011413308</v>
      </c>
      <c r="B2612" s="4" t="s">
        <v>5095</v>
      </c>
      <c r="C2612" s="3" t="s">
        <v>547</v>
      </c>
    </row>
    <row r="2613" spans="1:3" ht="27" x14ac:dyDescent="0.15">
      <c r="A2613" s="3">
        <v>2011413309</v>
      </c>
      <c r="B2613" s="4" t="s">
        <v>5096</v>
      </c>
      <c r="C2613" s="3" t="s">
        <v>547</v>
      </c>
    </row>
    <row r="2614" spans="1:3" ht="27" x14ac:dyDescent="0.15">
      <c r="A2614" s="3">
        <v>2011413310</v>
      </c>
      <c r="B2614" s="4" t="s">
        <v>5097</v>
      </c>
      <c r="C2614" s="3" t="s">
        <v>547</v>
      </c>
    </row>
    <row r="2615" spans="1:3" ht="40.5" x14ac:dyDescent="0.15">
      <c r="A2615" s="3">
        <v>2011413311</v>
      </c>
      <c r="B2615" s="4" t="s">
        <v>605</v>
      </c>
      <c r="C2615" s="3" t="s">
        <v>547</v>
      </c>
    </row>
    <row r="2616" spans="1:3" ht="27" x14ac:dyDescent="0.15">
      <c r="A2616" s="3">
        <v>2011413312</v>
      </c>
      <c r="B2616" s="4" t="s">
        <v>5098</v>
      </c>
      <c r="C2616" s="3" t="s">
        <v>547</v>
      </c>
    </row>
    <row r="2617" spans="1:3" ht="27" x14ac:dyDescent="0.15">
      <c r="A2617" s="3">
        <v>2011413313</v>
      </c>
      <c r="B2617" s="4" t="s">
        <v>5099</v>
      </c>
      <c r="C2617" s="3" t="s">
        <v>547</v>
      </c>
    </row>
    <row r="2618" spans="1:3" ht="27" x14ac:dyDescent="0.15">
      <c r="A2618" s="3">
        <v>2011413314</v>
      </c>
      <c r="B2618" s="4" t="s">
        <v>5100</v>
      </c>
      <c r="C2618" s="3" t="s">
        <v>547</v>
      </c>
    </row>
    <row r="2619" spans="1:3" ht="27" x14ac:dyDescent="0.15">
      <c r="A2619" s="3">
        <v>2011413315</v>
      </c>
      <c r="B2619" s="4" t="s">
        <v>5101</v>
      </c>
      <c r="C2619" s="3" t="s">
        <v>547</v>
      </c>
    </row>
    <row r="2620" spans="1:3" ht="27" x14ac:dyDescent="0.15">
      <c r="A2620" s="3">
        <v>2011413316</v>
      </c>
      <c r="B2620" s="4" t="s">
        <v>5102</v>
      </c>
      <c r="C2620" s="3" t="s">
        <v>547</v>
      </c>
    </row>
    <row r="2621" spans="1:3" ht="27" x14ac:dyDescent="0.15">
      <c r="A2621" s="3">
        <v>2011413317</v>
      </c>
      <c r="B2621" s="4" t="s">
        <v>5103</v>
      </c>
      <c r="C2621" s="3" t="s">
        <v>547</v>
      </c>
    </row>
    <row r="2622" spans="1:3" ht="27" x14ac:dyDescent="0.15">
      <c r="A2622" s="3">
        <v>2011413318</v>
      </c>
      <c r="B2622" s="4" t="s">
        <v>5104</v>
      </c>
      <c r="C2622" s="3" t="s">
        <v>547</v>
      </c>
    </row>
    <row r="2623" spans="1:3" ht="27" x14ac:dyDescent="0.15">
      <c r="A2623" s="3">
        <v>2011413319</v>
      </c>
      <c r="B2623" s="4" t="s">
        <v>5104</v>
      </c>
      <c r="C2623" s="3" t="s">
        <v>547</v>
      </c>
    </row>
    <row r="2624" spans="1:3" ht="27" x14ac:dyDescent="0.15">
      <c r="A2624" s="3">
        <v>2011413320</v>
      </c>
      <c r="B2624" s="4" t="s">
        <v>5105</v>
      </c>
      <c r="C2624" s="3" t="s">
        <v>547</v>
      </c>
    </row>
    <row r="2625" spans="1:3" x14ac:dyDescent="0.15">
      <c r="A2625" s="3">
        <v>2011413321</v>
      </c>
      <c r="B2625" s="4" t="s">
        <v>5106</v>
      </c>
      <c r="C2625" s="3" t="s">
        <v>547</v>
      </c>
    </row>
    <row r="2626" spans="1:3" ht="27" x14ac:dyDescent="0.15">
      <c r="A2626" s="3">
        <v>2011413322</v>
      </c>
      <c r="B2626" s="4" t="s">
        <v>5107</v>
      </c>
      <c r="C2626" s="3" t="s">
        <v>547</v>
      </c>
    </row>
    <row r="2627" spans="1:3" ht="27" x14ac:dyDescent="0.15">
      <c r="A2627" s="3">
        <v>2011413323</v>
      </c>
      <c r="B2627" s="4" t="s">
        <v>5108</v>
      </c>
      <c r="C2627" s="3" t="s">
        <v>547</v>
      </c>
    </row>
    <row r="2628" spans="1:3" ht="27" x14ac:dyDescent="0.15">
      <c r="A2628" s="3">
        <v>2011413324</v>
      </c>
      <c r="B2628" s="4" t="s">
        <v>5109</v>
      </c>
      <c r="C2628" s="3" t="s">
        <v>547</v>
      </c>
    </row>
    <row r="2629" spans="1:3" ht="27" x14ac:dyDescent="0.15">
      <c r="A2629" s="3">
        <v>2011413326</v>
      </c>
      <c r="B2629" s="4" t="s">
        <v>5111</v>
      </c>
      <c r="C2629" s="3" t="s">
        <v>547</v>
      </c>
    </row>
    <row r="2630" spans="1:3" ht="40.5" x14ac:dyDescent="0.15">
      <c r="A2630" s="3">
        <v>2011413327</v>
      </c>
      <c r="B2630" s="4" t="s">
        <v>5112</v>
      </c>
      <c r="C2630" s="3" t="s">
        <v>547</v>
      </c>
    </row>
    <row r="2631" spans="1:3" ht="27" x14ac:dyDescent="0.15">
      <c r="A2631" s="3">
        <v>2011413328</v>
      </c>
      <c r="B2631" s="4" t="s">
        <v>5113</v>
      </c>
      <c r="C2631" s="3" t="s">
        <v>547</v>
      </c>
    </row>
    <row r="2632" spans="1:3" ht="27" x14ac:dyDescent="0.15">
      <c r="A2632" s="3">
        <v>2011413331</v>
      </c>
      <c r="B2632" s="4" t="s">
        <v>5118</v>
      </c>
      <c r="C2632" s="3" t="s">
        <v>547</v>
      </c>
    </row>
    <row r="2633" spans="1:3" ht="27" x14ac:dyDescent="0.15">
      <c r="A2633" s="3">
        <v>2011413332</v>
      </c>
      <c r="B2633" s="4" t="s">
        <v>5119</v>
      </c>
      <c r="C2633" s="3" t="s">
        <v>547</v>
      </c>
    </row>
    <row r="2634" spans="1:3" x14ac:dyDescent="0.15">
      <c r="A2634" s="3">
        <v>2011413333</v>
      </c>
      <c r="B2634" s="4" t="s">
        <v>5120</v>
      </c>
      <c r="C2634" s="3" t="s">
        <v>547</v>
      </c>
    </row>
    <row r="2635" spans="1:3" ht="40.5" x14ac:dyDescent="0.15">
      <c r="A2635" s="3">
        <v>2011413335</v>
      </c>
      <c r="B2635" s="4" t="s">
        <v>5123</v>
      </c>
      <c r="C2635" s="3" t="s">
        <v>547</v>
      </c>
    </row>
    <row r="2636" spans="1:3" ht="27" x14ac:dyDescent="0.15">
      <c r="A2636" s="3">
        <v>2011413336</v>
      </c>
      <c r="B2636" s="4" t="s">
        <v>5124</v>
      </c>
      <c r="C2636" s="3" t="s">
        <v>547</v>
      </c>
    </row>
    <row r="2637" spans="1:3" x14ac:dyDescent="0.15">
      <c r="A2637" s="3">
        <v>2011413337</v>
      </c>
      <c r="B2637" s="4" t="s">
        <v>5125</v>
      </c>
      <c r="C2637" s="3" t="s">
        <v>547</v>
      </c>
    </row>
    <row r="2638" spans="1:3" x14ac:dyDescent="0.15">
      <c r="A2638" s="3">
        <v>2011413338</v>
      </c>
      <c r="B2638" s="4" t="s">
        <v>5126</v>
      </c>
      <c r="C2638" s="3" t="s">
        <v>547</v>
      </c>
    </row>
    <row r="2639" spans="1:3" x14ac:dyDescent="0.15">
      <c r="A2639" s="3">
        <v>2011413339</v>
      </c>
      <c r="B2639" s="4" t="s">
        <v>5127</v>
      </c>
      <c r="C2639" s="3" t="s">
        <v>547</v>
      </c>
    </row>
    <row r="2640" spans="1:3" ht="27" x14ac:dyDescent="0.15">
      <c r="A2640" s="3">
        <v>2011413341</v>
      </c>
      <c r="B2640" s="4" t="s">
        <v>5129</v>
      </c>
      <c r="C2640" s="3" t="s">
        <v>547</v>
      </c>
    </row>
    <row r="2641" spans="1:3" ht="27" x14ac:dyDescent="0.15">
      <c r="A2641" s="3">
        <v>2011413342</v>
      </c>
      <c r="B2641" s="4" t="s">
        <v>5130</v>
      </c>
      <c r="C2641" s="3" t="s">
        <v>547</v>
      </c>
    </row>
    <row r="2642" spans="1:3" x14ac:dyDescent="0.15">
      <c r="A2642" s="3">
        <v>2011413343</v>
      </c>
      <c r="B2642" s="4" t="s">
        <v>5131</v>
      </c>
      <c r="C2642" s="3" t="s">
        <v>547</v>
      </c>
    </row>
    <row r="2643" spans="1:3" x14ac:dyDescent="0.15">
      <c r="A2643" s="3">
        <v>2011413344</v>
      </c>
      <c r="B2643" s="4" t="s">
        <v>5132</v>
      </c>
      <c r="C2643" s="3" t="s">
        <v>547</v>
      </c>
    </row>
    <row r="2644" spans="1:3" ht="27" x14ac:dyDescent="0.15">
      <c r="A2644" s="3">
        <v>2011413345</v>
      </c>
      <c r="B2644" s="4" t="s">
        <v>5133</v>
      </c>
      <c r="C2644" s="3" t="s">
        <v>547</v>
      </c>
    </row>
    <row r="2645" spans="1:3" ht="27" x14ac:dyDescent="0.15">
      <c r="A2645" s="3">
        <v>2011413346</v>
      </c>
      <c r="B2645" s="4" t="s">
        <v>5134</v>
      </c>
      <c r="C2645" s="3" t="s">
        <v>547</v>
      </c>
    </row>
    <row r="2646" spans="1:3" ht="27" x14ac:dyDescent="0.15">
      <c r="A2646" s="3">
        <v>2011413347</v>
      </c>
      <c r="B2646" s="4" t="s">
        <v>5135</v>
      </c>
      <c r="C2646" s="3" t="s">
        <v>547</v>
      </c>
    </row>
    <row r="2647" spans="1:3" x14ac:dyDescent="0.15">
      <c r="A2647" s="3">
        <v>2011413348</v>
      </c>
      <c r="B2647" s="4" t="s">
        <v>5136</v>
      </c>
      <c r="C2647" s="3" t="s">
        <v>547</v>
      </c>
    </row>
    <row r="2648" spans="1:3" x14ac:dyDescent="0.15">
      <c r="A2648" s="3">
        <v>2011413349</v>
      </c>
      <c r="B2648" s="4" t="s">
        <v>5136</v>
      </c>
      <c r="C2648" s="3" t="s">
        <v>547</v>
      </c>
    </row>
    <row r="2649" spans="1:3" x14ac:dyDescent="0.15">
      <c r="A2649" s="3">
        <v>2011413350</v>
      </c>
      <c r="B2649" s="4" t="s">
        <v>5137</v>
      </c>
      <c r="C2649" s="3" t="s">
        <v>547</v>
      </c>
    </row>
    <row r="2650" spans="1:3" ht="27" x14ac:dyDescent="0.15">
      <c r="A2650" s="3">
        <v>2011413351</v>
      </c>
      <c r="B2650" s="4" t="s">
        <v>5138</v>
      </c>
      <c r="C2650" s="3" t="s">
        <v>547</v>
      </c>
    </row>
    <row r="2651" spans="1:3" ht="27" x14ac:dyDescent="0.15">
      <c r="A2651" s="3">
        <v>2011413352</v>
      </c>
      <c r="B2651" s="4" t="s">
        <v>5139</v>
      </c>
      <c r="C2651" s="3" t="s">
        <v>547</v>
      </c>
    </row>
    <row r="2652" spans="1:3" ht="27" x14ac:dyDescent="0.15">
      <c r="A2652" s="3">
        <v>2011413353</v>
      </c>
      <c r="B2652" s="4" t="s">
        <v>5140</v>
      </c>
      <c r="C2652" s="3" t="s">
        <v>547</v>
      </c>
    </row>
    <row r="2653" spans="1:3" x14ac:dyDescent="0.15">
      <c r="A2653" s="3">
        <v>2011413354</v>
      </c>
      <c r="B2653" s="4" t="s">
        <v>5141</v>
      </c>
      <c r="C2653" s="3" t="s">
        <v>547</v>
      </c>
    </row>
    <row r="2654" spans="1:3" x14ac:dyDescent="0.15">
      <c r="A2654" s="3">
        <v>2011413355</v>
      </c>
      <c r="B2654" s="4" t="s">
        <v>5142</v>
      </c>
      <c r="C2654" s="3" t="s">
        <v>547</v>
      </c>
    </row>
    <row r="2655" spans="1:3" ht="27" x14ac:dyDescent="0.15">
      <c r="A2655" s="3">
        <v>2011413359</v>
      </c>
      <c r="B2655" s="4" t="s">
        <v>5145</v>
      </c>
      <c r="C2655" s="3" t="s">
        <v>547</v>
      </c>
    </row>
    <row r="2656" spans="1:3" ht="27" x14ac:dyDescent="0.15">
      <c r="A2656" s="3">
        <v>2011413360</v>
      </c>
      <c r="B2656" s="4" t="s">
        <v>5146</v>
      </c>
      <c r="C2656" s="3" t="s">
        <v>5147</v>
      </c>
    </row>
    <row r="2657" spans="1:3" ht="27" x14ac:dyDescent="0.15">
      <c r="A2657" s="3">
        <v>2011413361</v>
      </c>
      <c r="B2657" s="4" t="s">
        <v>5148</v>
      </c>
      <c r="C2657" s="3" t="s">
        <v>5147</v>
      </c>
    </row>
    <row r="2658" spans="1:3" x14ac:dyDescent="0.15">
      <c r="A2658" s="3">
        <v>2011413367</v>
      </c>
      <c r="B2658" s="4" t="s">
        <v>5156</v>
      </c>
      <c r="C2658" s="3" t="s">
        <v>5157</v>
      </c>
    </row>
    <row r="2659" spans="1:3" x14ac:dyDescent="0.15">
      <c r="A2659" s="3">
        <v>2011413368</v>
      </c>
      <c r="B2659" s="4" t="s">
        <v>5158</v>
      </c>
      <c r="C2659" s="3" t="s">
        <v>5157</v>
      </c>
    </row>
    <row r="2660" spans="1:3" ht="27" x14ac:dyDescent="0.15">
      <c r="A2660" s="3">
        <v>2008400529</v>
      </c>
      <c r="B2660" s="4" t="s">
        <v>630</v>
      </c>
      <c r="C2660" s="3" t="s">
        <v>631</v>
      </c>
    </row>
    <row r="2661" spans="1:3" x14ac:dyDescent="0.15">
      <c r="A2661" s="3">
        <v>2011413362</v>
      </c>
      <c r="B2661" s="4" t="s">
        <v>5149</v>
      </c>
      <c r="C2661" s="3" t="s">
        <v>631</v>
      </c>
    </row>
    <row r="2662" spans="1:3" x14ac:dyDescent="0.15">
      <c r="A2662" s="3">
        <v>2011413467</v>
      </c>
      <c r="B2662" s="4" t="s">
        <v>5283</v>
      </c>
      <c r="C2662" s="3" t="s">
        <v>5284</v>
      </c>
    </row>
    <row r="2663" spans="1:3" x14ac:dyDescent="0.15">
      <c r="A2663" s="3">
        <v>2011413468</v>
      </c>
      <c r="B2663" s="4" t="s">
        <v>5283</v>
      </c>
      <c r="C2663" s="3" t="s">
        <v>5284</v>
      </c>
    </row>
    <row r="2664" spans="1:3" ht="27" x14ac:dyDescent="0.15">
      <c r="A2664" s="3">
        <v>2008400530</v>
      </c>
      <c r="B2664" s="4" t="s">
        <v>632</v>
      </c>
      <c r="C2664" s="3" t="s">
        <v>633</v>
      </c>
    </row>
    <row r="2665" spans="1:3" ht="27" x14ac:dyDescent="0.15">
      <c r="A2665" s="3">
        <v>2008400531</v>
      </c>
      <c r="B2665" s="4" t="s">
        <v>634</v>
      </c>
      <c r="C2665" s="3" t="s">
        <v>633</v>
      </c>
    </row>
    <row r="2666" spans="1:3" ht="27" x14ac:dyDescent="0.15">
      <c r="A2666" s="3">
        <v>2008400532</v>
      </c>
      <c r="B2666" s="4" t="s">
        <v>635</v>
      </c>
      <c r="C2666" s="3" t="s">
        <v>633</v>
      </c>
    </row>
    <row r="2667" spans="1:3" x14ac:dyDescent="0.15">
      <c r="A2667" s="3">
        <v>2011413374</v>
      </c>
      <c r="B2667" s="4" t="s">
        <v>5169</v>
      </c>
      <c r="C2667" s="3" t="s">
        <v>633</v>
      </c>
    </row>
    <row r="2668" spans="1:3" ht="27" x14ac:dyDescent="0.15">
      <c r="A2668" s="3">
        <v>2011413375</v>
      </c>
      <c r="B2668" s="4" t="s">
        <v>5170</v>
      </c>
      <c r="C2668" s="3" t="s">
        <v>633</v>
      </c>
    </row>
    <row r="2669" spans="1:3" ht="27" x14ac:dyDescent="0.15">
      <c r="A2669" s="3">
        <v>2011413376</v>
      </c>
      <c r="B2669" s="4" t="s">
        <v>5171</v>
      </c>
      <c r="C2669" s="3" t="s">
        <v>633</v>
      </c>
    </row>
    <row r="2670" spans="1:3" ht="27" x14ac:dyDescent="0.15">
      <c r="A2670" s="3">
        <v>2011413377</v>
      </c>
      <c r="B2670" s="4" t="s">
        <v>5171</v>
      </c>
      <c r="C2670" s="3" t="s">
        <v>633</v>
      </c>
    </row>
    <row r="2671" spans="1:3" ht="27" x14ac:dyDescent="0.15">
      <c r="A2671" s="3">
        <v>2011413378</v>
      </c>
      <c r="B2671" s="4" t="s">
        <v>5172</v>
      </c>
      <c r="C2671" s="3" t="s">
        <v>633</v>
      </c>
    </row>
    <row r="2672" spans="1:3" ht="27" x14ac:dyDescent="0.15">
      <c r="A2672" s="3">
        <v>2011413379</v>
      </c>
      <c r="B2672" s="4" t="s">
        <v>5173</v>
      </c>
      <c r="C2672" s="3" t="s">
        <v>633</v>
      </c>
    </row>
    <row r="2673" spans="1:3" ht="27" x14ac:dyDescent="0.15">
      <c r="A2673" s="3">
        <v>2011413387</v>
      </c>
      <c r="B2673" s="4" t="s">
        <v>5182</v>
      </c>
      <c r="C2673" s="3" t="s">
        <v>5183</v>
      </c>
    </row>
    <row r="2674" spans="1:3" ht="27" x14ac:dyDescent="0.15">
      <c r="A2674" s="3">
        <v>2011413388</v>
      </c>
      <c r="B2674" s="4" t="s">
        <v>5182</v>
      </c>
      <c r="C2674" s="3" t="s">
        <v>5183</v>
      </c>
    </row>
    <row r="2675" spans="1:3" ht="27" x14ac:dyDescent="0.15">
      <c r="A2675" s="3">
        <v>2011413389</v>
      </c>
      <c r="B2675" s="4" t="s">
        <v>5184</v>
      </c>
      <c r="C2675" s="3" t="s">
        <v>5183</v>
      </c>
    </row>
    <row r="2676" spans="1:3" ht="27" x14ac:dyDescent="0.15">
      <c r="A2676" s="3">
        <v>2011413390</v>
      </c>
      <c r="B2676" s="4" t="s">
        <v>5185</v>
      </c>
      <c r="C2676" s="3" t="s">
        <v>5183</v>
      </c>
    </row>
    <row r="2677" spans="1:3" ht="27" x14ac:dyDescent="0.15">
      <c r="A2677" s="3">
        <v>2011413391</v>
      </c>
      <c r="B2677" s="4" t="s">
        <v>5186</v>
      </c>
      <c r="C2677" s="3" t="s">
        <v>5183</v>
      </c>
    </row>
    <row r="2678" spans="1:3" ht="27" x14ac:dyDescent="0.15">
      <c r="A2678" s="3">
        <v>2011413392</v>
      </c>
      <c r="B2678" s="4" t="s">
        <v>5187</v>
      </c>
      <c r="C2678" s="3" t="s">
        <v>5183</v>
      </c>
    </row>
    <row r="2679" spans="1:3" ht="27" x14ac:dyDescent="0.15">
      <c r="A2679" s="3">
        <v>2011413470</v>
      </c>
      <c r="B2679" s="4" t="s">
        <v>5287</v>
      </c>
      <c r="C2679" s="3" t="s">
        <v>5183</v>
      </c>
    </row>
    <row r="2680" spans="1:3" ht="27" x14ac:dyDescent="0.15">
      <c r="A2680" s="3">
        <v>2011413397</v>
      </c>
      <c r="B2680" s="4" t="s">
        <v>5196</v>
      </c>
      <c r="C2680" s="3" t="s">
        <v>5197</v>
      </c>
    </row>
    <row r="2681" spans="1:3" ht="27" x14ac:dyDescent="0.15">
      <c r="A2681" s="3">
        <v>2011413475</v>
      </c>
      <c r="B2681" s="4" t="s">
        <v>5294</v>
      </c>
      <c r="C2681" s="3" t="s">
        <v>5295</v>
      </c>
    </row>
    <row r="2682" spans="1:3" ht="27" x14ac:dyDescent="0.15">
      <c r="A2682" s="3">
        <v>2008400536</v>
      </c>
      <c r="B2682" s="4" t="s">
        <v>640</v>
      </c>
      <c r="C2682" s="3" t="s">
        <v>641</v>
      </c>
    </row>
    <row r="2683" spans="1:3" ht="27" x14ac:dyDescent="0.15">
      <c r="A2683" s="3">
        <v>2008400579</v>
      </c>
      <c r="B2683" s="4" t="s">
        <v>692</v>
      </c>
      <c r="C2683" s="3" t="s">
        <v>641</v>
      </c>
    </row>
    <row r="2684" spans="1:3" ht="27" x14ac:dyDescent="0.15">
      <c r="A2684" s="3">
        <v>2008400580</v>
      </c>
      <c r="B2684" s="4" t="s">
        <v>693</v>
      </c>
      <c r="C2684" s="3" t="s">
        <v>641</v>
      </c>
    </row>
    <row r="2685" spans="1:3" ht="27" x14ac:dyDescent="0.15">
      <c r="A2685" s="3">
        <v>2008400581</v>
      </c>
      <c r="B2685" s="4" t="s">
        <v>694</v>
      </c>
      <c r="C2685" s="3" t="s">
        <v>641</v>
      </c>
    </row>
    <row r="2686" spans="1:3" ht="27" x14ac:dyDescent="0.15">
      <c r="A2686" s="3">
        <v>2011412517</v>
      </c>
      <c r="B2686" s="4" t="s">
        <v>4126</v>
      </c>
      <c r="C2686" s="3" t="s">
        <v>641</v>
      </c>
    </row>
    <row r="2687" spans="1:3" ht="27" x14ac:dyDescent="0.15">
      <c r="A2687" s="3">
        <v>2011412518</v>
      </c>
      <c r="B2687" s="4" t="s">
        <v>4127</v>
      </c>
      <c r="C2687" s="3" t="s">
        <v>641</v>
      </c>
    </row>
    <row r="2688" spans="1:3" ht="27" x14ac:dyDescent="0.15">
      <c r="A2688" s="3">
        <v>2011413401</v>
      </c>
      <c r="B2688" s="4" t="s">
        <v>5201</v>
      </c>
      <c r="C2688" s="3" t="s">
        <v>641</v>
      </c>
    </row>
    <row r="2689" spans="1:3" ht="27" x14ac:dyDescent="0.15">
      <c r="A2689" s="3">
        <v>2011413402</v>
      </c>
      <c r="B2689" s="4" t="s">
        <v>5202</v>
      </c>
      <c r="C2689" s="3" t="s">
        <v>641</v>
      </c>
    </row>
    <row r="2690" spans="1:3" ht="27" x14ac:dyDescent="0.15">
      <c r="A2690" s="3">
        <v>2011413403</v>
      </c>
      <c r="B2690" s="4" t="s">
        <v>5203</v>
      </c>
      <c r="C2690" s="3" t="s">
        <v>641</v>
      </c>
    </row>
    <row r="2691" spans="1:3" ht="27" x14ac:dyDescent="0.15">
      <c r="A2691" s="3">
        <v>2011413404</v>
      </c>
      <c r="B2691" s="4" t="s">
        <v>5204</v>
      </c>
      <c r="C2691" s="3" t="s">
        <v>641</v>
      </c>
    </row>
    <row r="2692" spans="1:3" ht="27" x14ac:dyDescent="0.15">
      <c r="A2692" s="3">
        <v>2011413405</v>
      </c>
      <c r="B2692" s="4" t="s">
        <v>5204</v>
      </c>
      <c r="C2692" s="3" t="s">
        <v>641</v>
      </c>
    </row>
    <row r="2693" spans="1:3" ht="27" x14ac:dyDescent="0.15">
      <c r="A2693" s="3">
        <v>2011413406</v>
      </c>
      <c r="B2693" s="4" t="s">
        <v>5205</v>
      </c>
      <c r="C2693" s="3" t="s">
        <v>641</v>
      </c>
    </row>
    <row r="2694" spans="1:3" ht="27" x14ac:dyDescent="0.15">
      <c r="A2694" s="3">
        <v>2011413407</v>
      </c>
      <c r="B2694" s="4" t="s">
        <v>5206</v>
      </c>
      <c r="C2694" s="3" t="s">
        <v>641</v>
      </c>
    </row>
    <row r="2695" spans="1:3" ht="27" x14ac:dyDescent="0.15">
      <c r="A2695" s="3">
        <v>2011413408</v>
      </c>
      <c r="B2695" s="4" t="s">
        <v>5207</v>
      </c>
      <c r="C2695" s="3" t="s">
        <v>641</v>
      </c>
    </row>
    <row r="2696" spans="1:3" ht="27" x14ac:dyDescent="0.15">
      <c r="A2696" s="3">
        <v>2011413409</v>
      </c>
      <c r="B2696" s="4" t="s">
        <v>5208</v>
      </c>
      <c r="C2696" s="3" t="s">
        <v>641</v>
      </c>
    </row>
    <row r="2697" spans="1:3" ht="27" x14ac:dyDescent="0.15">
      <c r="A2697" s="3">
        <v>2011413410</v>
      </c>
      <c r="B2697" s="4" t="s">
        <v>5209</v>
      </c>
      <c r="C2697" s="3" t="s">
        <v>641</v>
      </c>
    </row>
    <row r="2698" spans="1:3" ht="27" x14ac:dyDescent="0.15">
      <c r="A2698" s="3">
        <v>2011413411</v>
      </c>
      <c r="B2698" s="4" t="s">
        <v>5210</v>
      </c>
      <c r="C2698" s="3" t="s">
        <v>641</v>
      </c>
    </row>
    <row r="2699" spans="1:3" ht="27" x14ac:dyDescent="0.15">
      <c r="A2699" s="3">
        <v>2011413412</v>
      </c>
      <c r="B2699" s="4" t="s">
        <v>5211</v>
      </c>
      <c r="C2699" s="3" t="s">
        <v>641</v>
      </c>
    </row>
    <row r="2700" spans="1:3" ht="27" x14ac:dyDescent="0.15">
      <c r="A2700" s="3">
        <v>2011413413</v>
      </c>
      <c r="B2700" s="4" t="s">
        <v>5212</v>
      </c>
      <c r="C2700" s="3" t="s">
        <v>641</v>
      </c>
    </row>
    <row r="2701" spans="1:3" x14ac:dyDescent="0.15">
      <c r="A2701" s="3">
        <v>2011413414</v>
      </c>
      <c r="B2701" s="4" t="s">
        <v>5213</v>
      </c>
      <c r="C2701" s="3" t="s">
        <v>641</v>
      </c>
    </row>
    <row r="2702" spans="1:3" x14ac:dyDescent="0.15">
      <c r="A2702" s="3">
        <v>2011413474</v>
      </c>
      <c r="B2702" s="4" t="s">
        <v>5293</v>
      </c>
      <c r="C2702" s="3" t="s">
        <v>641</v>
      </c>
    </row>
    <row r="2703" spans="1:3" ht="27" x14ac:dyDescent="0.15">
      <c r="A2703" s="3">
        <v>2011413415</v>
      </c>
      <c r="B2703" s="4" t="s">
        <v>5214</v>
      </c>
      <c r="C2703" s="3" t="s">
        <v>5215</v>
      </c>
    </row>
    <row r="2704" spans="1:3" ht="27" x14ac:dyDescent="0.15">
      <c r="A2704" s="3">
        <v>2011413416</v>
      </c>
      <c r="B2704" s="4" t="s">
        <v>5216</v>
      </c>
      <c r="C2704" s="3" t="s">
        <v>5217</v>
      </c>
    </row>
    <row r="2705" spans="1:3" ht="27" x14ac:dyDescent="0.15">
      <c r="A2705" s="3">
        <v>2011413417</v>
      </c>
      <c r="B2705" s="4" t="s">
        <v>5218</v>
      </c>
      <c r="C2705" s="3" t="s">
        <v>5217</v>
      </c>
    </row>
    <row r="2706" spans="1:3" ht="27" x14ac:dyDescent="0.15">
      <c r="A2706" s="3">
        <v>2011413418</v>
      </c>
      <c r="B2706" s="4" t="s">
        <v>5219</v>
      </c>
      <c r="C2706" s="3" t="s">
        <v>5220</v>
      </c>
    </row>
    <row r="2707" spans="1:3" ht="27" x14ac:dyDescent="0.15">
      <c r="A2707" s="3">
        <v>2011413478</v>
      </c>
      <c r="B2707" s="4" t="s">
        <v>5299</v>
      </c>
      <c r="C2707" s="3" t="s">
        <v>5300</v>
      </c>
    </row>
    <row r="2708" spans="1:3" x14ac:dyDescent="0.15">
      <c r="A2708" s="3">
        <v>2008400537</v>
      </c>
      <c r="B2708" s="4" t="s">
        <v>642</v>
      </c>
      <c r="C2708" s="3" t="s">
        <v>643</v>
      </c>
    </row>
    <row r="2709" spans="1:3" ht="27" x14ac:dyDescent="0.15">
      <c r="A2709" s="3">
        <v>2008400538</v>
      </c>
      <c r="B2709" s="4" t="s">
        <v>644</v>
      </c>
      <c r="C2709" s="3" t="s">
        <v>643</v>
      </c>
    </row>
    <row r="2710" spans="1:3" ht="27" x14ac:dyDescent="0.15">
      <c r="A2710" s="3">
        <v>2008400539</v>
      </c>
      <c r="B2710" s="4" t="s">
        <v>645</v>
      </c>
      <c r="C2710" s="3" t="s">
        <v>643</v>
      </c>
    </row>
    <row r="2711" spans="1:3" ht="27" x14ac:dyDescent="0.15">
      <c r="A2711" s="3">
        <v>2008400540</v>
      </c>
      <c r="B2711" s="4" t="s">
        <v>646</v>
      </c>
      <c r="C2711" s="3" t="s">
        <v>643</v>
      </c>
    </row>
    <row r="2712" spans="1:3" ht="27" x14ac:dyDescent="0.15">
      <c r="A2712" s="3">
        <v>2008400541</v>
      </c>
      <c r="B2712" s="4" t="s">
        <v>647</v>
      </c>
      <c r="C2712" s="3" t="s">
        <v>643</v>
      </c>
    </row>
    <row r="2713" spans="1:3" ht="27" x14ac:dyDescent="0.15">
      <c r="A2713" s="3">
        <v>2008400542</v>
      </c>
      <c r="B2713" s="4" t="s">
        <v>648</v>
      </c>
      <c r="C2713" s="3" t="s">
        <v>643</v>
      </c>
    </row>
    <row r="2714" spans="1:3" ht="27" x14ac:dyDescent="0.15">
      <c r="A2714" s="3">
        <v>2008400872</v>
      </c>
      <c r="B2714" s="4" t="s">
        <v>1014</v>
      </c>
      <c r="C2714" s="3" t="s">
        <v>643</v>
      </c>
    </row>
    <row r="2715" spans="1:3" ht="27" x14ac:dyDescent="0.15">
      <c r="A2715" s="3">
        <v>2011413419</v>
      </c>
      <c r="B2715" s="4" t="s">
        <v>5221</v>
      </c>
      <c r="C2715" s="3" t="s">
        <v>643</v>
      </c>
    </row>
    <row r="2716" spans="1:3" ht="27" x14ac:dyDescent="0.15">
      <c r="A2716" s="3">
        <v>2011413420</v>
      </c>
      <c r="B2716" s="4" t="s">
        <v>5222</v>
      </c>
      <c r="C2716" s="3" t="s">
        <v>643</v>
      </c>
    </row>
    <row r="2717" spans="1:3" ht="27" x14ac:dyDescent="0.15">
      <c r="A2717" s="3">
        <v>2011413422</v>
      </c>
      <c r="B2717" s="4" t="s">
        <v>1014</v>
      </c>
      <c r="C2717" s="3" t="s">
        <v>643</v>
      </c>
    </row>
    <row r="2718" spans="1:3" ht="27" x14ac:dyDescent="0.15">
      <c r="A2718" s="3">
        <v>2011413423</v>
      </c>
      <c r="B2718" s="4" t="s">
        <v>5225</v>
      </c>
      <c r="C2718" s="3" t="s">
        <v>643</v>
      </c>
    </row>
    <row r="2719" spans="1:3" ht="27" x14ac:dyDescent="0.15">
      <c r="A2719" s="3">
        <v>2011413424</v>
      </c>
      <c r="B2719" s="4" t="s">
        <v>5226</v>
      </c>
      <c r="C2719" s="3" t="s">
        <v>643</v>
      </c>
    </row>
    <row r="2720" spans="1:3" x14ac:dyDescent="0.15">
      <c r="A2720" s="3">
        <v>2011413479</v>
      </c>
      <c r="B2720" s="4" t="s">
        <v>5301</v>
      </c>
      <c r="C2720" s="3" t="s">
        <v>643</v>
      </c>
    </row>
    <row r="2721" spans="1:3" ht="27" x14ac:dyDescent="0.15">
      <c r="A2721" s="3">
        <v>2011413426</v>
      </c>
      <c r="B2721" s="4" t="s">
        <v>5229</v>
      </c>
      <c r="C2721" s="3" t="s">
        <v>5230</v>
      </c>
    </row>
    <row r="2722" spans="1:3" ht="27" x14ac:dyDescent="0.15">
      <c r="A2722" s="3">
        <v>2011410065</v>
      </c>
      <c r="B2722" s="4" t="s">
        <v>1165</v>
      </c>
      <c r="C2722" s="3" t="s">
        <v>1166</v>
      </c>
    </row>
    <row r="2723" spans="1:3" ht="27" x14ac:dyDescent="0.15">
      <c r="A2723" s="3">
        <v>2011410066</v>
      </c>
      <c r="B2723" s="4" t="s">
        <v>1167</v>
      </c>
      <c r="C2723" s="3" t="s">
        <v>1166</v>
      </c>
    </row>
    <row r="2724" spans="1:3" ht="27" x14ac:dyDescent="0.15">
      <c r="A2724" s="3">
        <v>2011410067</v>
      </c>
      <c r="B2724" s="4" t="s">
        <v>1168</v>
      </c>
      <c r="C2724" s="3" t="s">
        <v>1166</v>
      </c>
    </row>
    <row r="2725" spans="1:3" x14ac:dyDescent="0.15">
      <c r="A2725" s="3">
        <v>2011413481</v>
      </c>
      <c r="B2725" s="4" t="s">
        <v>5304</v>
      </c>
      <c r="C2725" s="3" t="s">
        <v>1166</v>
      </c>
    </row>
    <row r="2726" spans="1:3" x14ac:dyDescent="0.15">
      <c r="A2726" s="3">
        <v>2011413429</v>
      </c>
      <c r="B2726" s="4" t="s">
        <v>5233</v>
      </c>
      <c r="C2726" s="3" t="s">
        <v>5234</v>
      </c>
    </row>
    <row r="2727" spans="1:3" x14ac:dyDescent="0.15">
      <c r="A2727" s="3">
        <v>2011413494</v>
      </c>
      <c r="B2727" s="4" t="s">
        <v>5322</v>
      </c>
      <c r="C2727" s="3" t="s">
        <v>5323</v>
      </c>
    </row>
    <row r="2728" spans="1:3" ht="27" x14ac:dyDescent="0.15">
      <c r="A2728" s="3">
        <v>2011413430</v>
      </c>
      <c r="B2728" s="4" t="s">
        <v>5235</v>
      </c>
      <c r="C2728" s="3" t="s">
        <v>5236</v>
      </c>
    </row>
    <row r="2729" spans="1:3" x14ac:dyDescent="0.15">
      <c r="A2729" s="3">
        <v>2011413502</v>
      </c>
      <c r="B2729" s="4" t="s">
        <v>5335</v>
      </c>
      <c r="C2729" s="3" t="s">
        <v>5236</v>
      </c>
    </row>
    <row r="2730" spans="1:3" ht="27" x14ac:dyDescent="0.15">
      <c r="A2730" s="3">
        <v>2008400543</v>
      </c>
      <c r="B2730" s="4" t="s">
        <v>649</v>
      </c>
      <c r="C2730" s="3" t="s">
        <v>650</v>
      </c>
    </row>
    <row r="2731" spans="1:3" ht="27" x14ac:dyDescent="0.15">
      <c r="A2731" s="3">
        <v>2011413431</v>
      </c>
      <c r="B2731" s="4" t="s">
        <v>5237</v>
      </c>
      <c r="C2731" s="3" t="s">
        <v>650</v>
      </c>
    </row>
    <row r="2732" spans="1:3" ht="27" x14ac:dyDescent="0.15">
      <c r="A2732" s="3">
        <v>2011413434</v>
      </c>
      <c r="B2732" s="4" t="s">
        <v>5241</v>
      </c>
      <c r="C2732" s="3" t="s">
        <v>5242</v>
      </c>
    </row>
    <row r="2733" spans="1:3" ht="27" x14ac:dyDescent="0.15">
      <c r="A2733" s="3">
        <v>2011413435</v>
      </c>
      <c r="B2733" s="4" t="s">
        <v>5243</v>
      </c>
      <c r="C2733" s="3" t="s">
        <v>5244</v>
      </c>
    </row>
    <row r="2734" spans="1:3" ht="27" x14ac:dyDescent="0.15">
      <c r="A2734" s="3">
        <v>2011413436</v>
      </c>
      <c r="B2734" s="4" t="s">
        <v>5245</v>
      </c>
      <c r="C2734" s="3" t="s">
        <v>5244</v>
      </c>
    </row>
    <row r="2735" spans="1:3" ht="27" x14ac:dyDescent="0.15">
      <c r="A2735" s="3">
        <v>2011413437</v>
      </c>
      <c r="B2735" s="4" t="s">
        <v>5245</v>
      </c>
      <c r="C2735" s="3" t="s">
        <v>5244</v>
      </c>
    </row>
    <row r="2736" spans="1:3" ht="40.5" x14ac:dyDescent="0.15">
      <c r="A2736" s="3">
        <v>2011413438</v>
      </c>
      <c r="B2736" s="4" t="s">
        <v>5246</v>
      </c>
      <c r="C2736" s="3" t="s">
        <v>5244</v>
      </c>
    </row>
    <row r="2737" spans="1:3" ht="27" x14ac:dyDescent="0.15">
      <c r="A2737" s="3">
        <v>2011413439</v>
      </c>
      <c r="B2737" s="4" t="s">
        <v>5247</v>
      </c>
      <c r="C2737" s="3" t="s">
        <v>5244</v>
      </c>
    </row>
    <row r="2738" spans="1:3" ht="27" x14ac:dyDescent="0.15">
      <c r="A2738" s="3">
        <v>2011413440</v>
      </c>
      <c r="B2738" s="4" t="s">
        <v>5248</v>
      </c>
      <c r="C2738" s="3" t="s">
        <v>5244</v>
      </c>
    </row>
    <row r="2739" spans="1:3" ht="27" x14ac:dyDescent="0.15">
      <c r="A2739" s="3">
        <v>2011413441</v>
      </c>
      <c r="B2739" s="4" t="s">
        <v>5249</v>
      </c>
      <c r="C2739" s="3" t="s">
        <v>5244</v>
      </c>
    </row>
    <row r="2740" spans="1:3" ht="27" x14ac:dyDescent="0.15">
      <c r="A2740" s="3">
        <v>2011413442</v>
      </c>
      <c r="B2740" s="4" t="s">
        <v>5250</v>
      </c>
      <c r="C2740" s="3" t="s">
        <v>5244</v>
      </c>
    </row>
    <row r="2741" spans="1:3" ht="27" x14ac:dyDescent="0.15">
      <c r="A2741" s="3">
        <v>2011413443</v>
      </c>
      <c r="B2741" s="4" t="s">
        <v>5251</v>
      </c>
      <c r="C2741" s="3" t="s">
        <v>5244</v>
      </c>
    </row>
    <row r="2742" spans="1:3" ht="27" x14ac:dyDescent="0.15">
      <c r="A2742" s="3">
        <v>2011413485</v>
      </c>
      <c r="B2742" s="4" t="s">
        <v>5310</v>
      </c>
      <c r="C2742" s="3" t="s">
        <v>5244</v>
      </c>
    </row>
    <row r="2743" spans="1:3" x14ac:dyDescent="0.15">
      <c r="A2743" s="3">
        <v>2011413488</v>
      </c>
      <c r="B2743" s="4" t="s">
        <v>5315</v>
      </c>
      <c r="C2743" s="3" t="s">
        <v>5244</v>
      </c>
    </row>
    <row r="2744" spans="1:3" ht="27" x14ac:dyDescent="0.15">
      <c r="A2744" s="3">
        <v>2008400544</v>
      </c>
      <c r="B2744" s="4" t="s">
        <v>651</v>
      </c>
      <c r="C2744" s="3" t="s">
        <v>652</v>
      </c>
    </row>
    <row r="2745" spans="1:3" ht="27" x14ac:dyDescent="0.15">
      <c r="A2745" s="3">
        <v>2011413444</v>
      </c>
      <c r="B2745" s="4" t="s">
        <v>5252</v>
      </c>
      <c r="C2745" s="3" t="s">
        <v>652</v>
      </c>
    </row>
    <row r="2746" spans="1:3" x14ac:dyDescent="0.15">
      <c r="A2746" s="3">
        <v>2011413446</v>
      </c>
      <c r="B2746" s="4" t="s">
        <v>5254</v>
      </c>
      <c r="C2746" s="3" t="s">
        <v>5255</v>
      </c>
    </row>
    <row r="2747" spans="1:3" ht="27" x14ac:dyDescent="0.15">
      <c r="A2747" s="3">
        <v>2011413447</v>
      </c>
      <c r="B2747" s="4" t="s">
        <v>5256</v>
      </c>
      <c r="C2747" s="3" t="s">
        <v>5255</v>
      </c>
    </row>
    <row r="2748" spans="1:3" ht="27" x14ac:dyDescent="0.15">
      <c r="A2748" s="3">
        <v>2011413448</v>
      </c>
      <c r="B2748" s="4" t="s">
        <v>5257</v>
      </c>
      <c r="C2748" s="3" t="s">
        <v>5255</v>
      </c>
    </row>
    <row r="2749" spans="1:3" ht="27" x14ac:dyDescent="0.15">
      <c r="A2749" s="3">
        <v>2011413449</v>
      </c>
      <c r="B2749" s="4" t="s">
        <v>5258</v>
      </c>
      <c r="C2749" s="3" t="s">
        <v>5255</v>
      </c>
    </row>
    <row r="2750" spans="1:3" ht="27" x14ac:dyDescent="0.15">
      <c r="A2750" s="3">
        <v>2011413450</v>
      </c>
      <c r="B2750" s="4" t="s">
        <v>5259</v>
      </c>
      <c r="C2750" s="3" t="s">
        <v>5255</v>
      </c>
    </row>
    <row r="2751" spans="1:3" ht="27" x14ac:dyDescent="0.15">
      <c r="A2751" s="3">
        <v>2011413489</v>
      </c>
      <c r="B2751" s="4" t="s">
        <v>5316</v>
      </c>
      <c r="C2751" s="3" t="s">
        <v>5255</v>
      </c>
    </row>
    <row r="2752" spans="1:3" x14ac:dyDescent="0.15">
      <c r="A2752" s="3">
        <v>2011413490</v>
      </c>
      <c r="B2752" s="4" t="s">
        <v>5317</v>
      </c>
      <c r="C2752" s="3" t="s">
        <v>5255</v>
      </c>
    </row>
    <row r="2753" spans="1:3" ht="27" x14ac:dyDescent="0.15">
      <c r="A2753" s="3">
        <v>2011413491</v>
      </c>
      <c r="B2753" s="4" t="s">
        <v>5318</v>
      </c>
      <c r="C2753" s="3" t="s">
        <v>5255</v>
      </c>
    </row>
    <row r="2754" spans="1:3" ht="27" x14ac:dyDescent="0.15">
      <c r="A2754" s="3">
        <v>2008400545</v>
      </c>
      <c r="B2754" s="4" t="s">
        <v>653</v>
      </c>
      <c r="C2754" s="3" t="s">
        <v>654</v>
      </c>
    </row>
    <row r="2755" spans="1:3" ht="27" x14ac:dyDescent="0.15">
      <c r="A2755" s="3">
        <v>2011413452</v>
      </c>
      <c r="B2755" s="4" t="s">
        <v>5262</v>
      </c>
      <c r="C2755" s="3" t="s">
        <v>654</v>
      </c>
    </row>
    <row r="2756" spans="1:3" ht="27" x14ac:dyDescent="0.15">
      <c r="A2756" s="3">
        <v>2011413453</v>
      </c>
      <c r="B2756" s="4" t="s">
        <v>5263</v>
      </c>
      <c r="C2756" s="3" t="s">
        <v>654</v>
      </c>
    </row>
    <row r="2757" spans="1:3" x14ac:dyDescent="0.15">
      <c r="A2757" s="3">
        <v>2011413454</v>
      </c>
      <c r="B2757" s="4" t="s">
        <v>5264</v>
      </c>
      <c r="C2757" s="3" t="s">
        <v>5265</v>
      </c>
    </row>
    <row r="2758" spans="1:3" ht="27" x14ac:dyDescent="0.15">
      <c r="A2758" s="3">
        <v>2011413455</v>
      </c>
      <c r="B2758" s="4" t="s">
        <v>5266</v>
      </c>
      <c r="C2758" s="3" t="s">
        <v>5265</v>
      </c>
    </row>
    <row r="2759" spans="1:3" ht="27" x14ac:dyDescent="0.15">
      <c r="A2759" s="3">
        <v>2011413456</v>
      </c>
      <c r="B2759" s="4" t="s">
        <v>5267</v>
      </c>
      <c r="C2759" s="3" t="s">
        <v>5265</v>
      </c>
    </row>
    <row r="2760" spans="1:3" ht="27" x14ac:dyDescent="0.15">
      <c r="A2760" s="3">
        <v>2011413457</v>
      </c>
      <c r="B2760" s="4" t="s">
        <v>5267</v>
      </c>
      <c r="C2760" s="3" t="s">
        <v>5265</v>
      </c>
    </row>
    <row r="2761" spans="1:3" ht="27" x14ac:dyDescent="0.15">
      <c r="A2761" s="3">
        <v>2011413503</v>
      </c>
      <c r="B2761" s="4" t="s">
        <v>5336</v>
      </c>
      <c r="C2761" s="3" t="s">
        <v>5337</v>
      </c>
    </row>
    <row r="2762" spans="1:3" x14ac:dyDescent="0.15">
      <c r="A2762" s="3">
        <v>2011413733</v>
      </c>
      <c r="B2762" s="4" t="s">
        <v>5604</v>
      </c>
      <c r="C2762" s="3" t="s">
        <v>5605</v>
      </c>
    </row>
    <row r="2763" spans="1:3" x14ac:dyDescent="0.15">
      <c r="A2763" s="3">
        <v>2011413734</v>
      </c>
      <c r="B2763" s="4" t="s">
        <v>5606</v>
      </c>
      <c r="C2763" s="3" t="s">
        <v>5605</v>
      </c>
    </row>
    <row r="2764" spans="1:3" ht="27" x14ac:dyDescent="0.15">
      <c r="A2764" s="3">
        <v>2011413505</v>
      </c>
      <c r="B2764" s="4" t="s">
        <v>5339</v>
      </c>
      <c r="C2764" s="3" t="s">
        <v>5340</v>
      </c>
    </row>
    <row r="2765" spans="1:3" ht="27" x14ac:dyDescent="0.15">
      <c r="A2765" s="3">
        <v>2008400546</v>
      </c>
      <c r="B2765" s="4" t="s">
        <v>655</v>
      </c>
      <c r="C2765" s="3" t="s">
        <v>656</v>
      </c>
    </row>
    <row r="2766" spans="1:3" ht="27" x14ac:dyDescent="0.15">
      <c r="A2766" s="3">
        <v>2008400547</v>
      </c>
      <c r="B2766" s="4" t="s">
        <v>657</v>
      </c>
      <c r="C2766" s="3" t="s">
        <v>656</v>
      </c>
    </row>
    <row r="2767" spans="1:3" ht="27" x14ac:dyDescent="0.15">
      <c r="A2767" s="3">
        <v>2008400548</v>
      </c>
      <c r="B2767" s="4" t="s">
        <v>658</v>
      </c>
      <c r="C2767" s="3" t="s">
        <v>656</v>
      </c>
    </row>
    <row r="2768" spans="1:3" ht="27" x14ac:dyDescent="0.15">
      <c r="A2768" s="3">
        <v>2008400549</v>
      </c>
      <c r="B2768" s="4" t="s">
        <v>659</v>
      </c>
      <c r="C2768" s="3" t="s">
        <v>656</v>
      </c>
    </row>
    <row r="2769" spans="1:3" ht="27" x14ac:dyDescent="0.15">
      <c r="A2769" s="3">
        <v>2008400550</v>
      </c>
      <c r="B2769" s="4" t="s">
        <v>660</v>
      </c>
      <c r="C2769" s="3" t="s">
        <v>656</v>
      </c>
    </row>
    <row r="2770" spans="1:3" ht="27" x14ac:dyDescent="0.15">
      <c r="A2770" s="3">
        <v>2008400551</v>
      </c>
      <c r="B2770" s="4" t="s">
        <v>661</v>
      </c>
      <c r="C2770" s="3" t="s">
        <v>656</v>
      </c>
    </row>
    <row r="2771" spans="1:3" ht="27" x14ac:dyDescent="0.15">
      <c r="A2771" s="3">
        <v>2008400583</v>
      </c>
      <c r="B2771" s="4" t="s">
        <v>697</v>
      </c>
      <c r="C2771" s="3" t="s">
        <v>656</v>
      </c>
    </row>
    <row r="2772" spans="1:3" ht="27" x14ac:dyDescent="0.15">
      <c r="A2772" s="3">
        <v>2008400584</v>
      </c>
      <c r="B2772" s="4" t="s">
        <v>698</v>
      </c>
      <c r="C2772" s="3" t="s">
        <v>656</v>
      </c>
    </row>
    <row r="2773" spans="1:3" ht="27" x14ac:dyDescent="0.15">
      <c r="A2773" s="3">
        <v>2008400585</v>
      </c>
      <c r="B2773" s="4" t="s">
        <v>699</v>
      </c>
      <c r="C2773" s="3" t="s">
        <v>656</v>
      </c>
    </row>
    <row r="2774" spans="1:3" x14ac:dyDescent="0.15">
      <c r="A2774" s="3">
        <v>2008400586</v>
      </c>
      <c r="B2774" s="4" t="s">
        <v>700</v>
      </c>
      <c r="C2774" s="3" t="s">
        <v>656</v>
      </c>
    </row>
    <row r="2775" spans="1:3" x14ac:dyDescent="0.15">
      <c r="A2775" s="3">
        <v>2008400587</v>
      </c>
      <c r="B2775" s="4" t="s">
        <v>701</v>
      </c>
      <c r="C2775" s="3" t="s">
        <v>656</v>
      </c>
    </row>
    <row r="2776" spans="1:3" ht="27" x14ac:dyDescent="0.15">
      <c r="A2776" s="3">
        <v>2011413504</v>
      </c>
      <c r="B2776" s="4" t="s">
        <v>5338</v>
      </c>
      <c r="C2776" s="3" t="s">
        <v>656</v>
      </c>
    </row>
    <row r="2777" spans="1:3" ht="27" x14ac:dyDescent="0.15">
      <c r="A2777" s="3">
        <v>2011413506</v>
      </c>
      <c r="B2777" s="4" t="s">
        <v>5341</v>
      </c>
      <c r="C2777" s="3" t="s">
        <v>656</v>
      </c>
    </row>
    <row r="2778" spans="1:3" ht="27" x14ac:dyDescent="0.15">
      <c r="A2778" s="3">
        <v>2011413507</v>
      </c>
      <c r="B2778" s="4" t="s">
        <v>5342</v>
      </c>
      <c r="C2778" s="3" t="s">
        <v>656</v>
      </c>
    </row>
    <row r="2779" spans="1:3" ht="27" x14ac:dyDescent="0.15">
      <c r="A2779" s="3">
        <v>2011413509</v>
      </c>
      <c r="B2779" s="4" t="s">
        <v>5345</v>
      </c>
      <c r="C2779" s="3" t="s">
        <v>5346</v>
      </c>
    </row>
    <row r="2780" spans="1:3" ht="27" x14ac:dyDescent="0.15">
      <c r="A2780" s="3">
        <v>2011413510</v>
      </c>
      <c r="B2780" s="4" t="s">
        <v>5347</v>
      </c>
      <c r="C2780" s="3" t="s">
        <v>5346</v>
      </c>
    </row>
    <row r="2781" spans="1:3" ht="27" x14ac:dyDescent="0.15">
      <c r="A2781" s="3">
        <v>2011413511</v>
      </c>
      <c r="B2781" s="4" t="s">
        <v>5348</v>
      </c>
      <c r="C2781" s="3" t="s">
        <v>5346</v>
      </c>
    </row>
    <row r="2782" spans="1:3" ht="27" x14ac:dyDescent="0.15">
      <c r="A2782" s="3">
        <v>2011413512</v>
      </c>
      <c r="B2782" s="4" t="s">
        <v>5349</v>
      </c>
      <c r="C2782" s="3" t="s">
        <v>5346</v>
      </c>
    </row>
    <row r="2783" spans="1:3" ht="27" x14ac:dyDescent="0.15">
      <c r="A2783" s="3">
        <v>2011413513</v>
      </c>
      <c r="B2783" s="4" t="s">
        <v>5350</v>
      </c>
      <c r="C2783" s="3" t="s">
        <v>5346</v>
      </c>
    </row>
    <row r="2784" spans="1:3" ht="27" x14ac:dyDescent="0.15">
      <c r="A2784" s="3">
        <v>2011413514</v>
      </c>
      <c r="B2784" s="4" t="s">
        <v>5351</v>
      </c>
      <c r="C2784" s="3" t="s">
        <v>5346</v>
      </c>
    </row>
    <row r="2785" spans="1:3" ht="27" x14ac:dyDescent="0.15">
      <c r="A2785" s="3">
        <v>2011413515</v>
      </c>
      <c r="B2785" s="4" t="s">
        <v>5352</v>
      </c>
      <c r="C2785" s="3" t="s">
        <v>5346</v>
      </c>
    </row>
    <row r="2786" spans="1:3" ht="27" x14ac:dyDescent="0.15">
      <c r="A2786" s="3">
        <v>2011413516</v>
      </c>
      <c r="B2786" s="4" t="s">
        <v>5353</v>
      </c>
      <c r="C2786" s="3" t="s">
        <v>5346</v>
      </c>
    </row>
    <row r="2787" spans="1:3" ht="27" x14ac:dyDescent="0.15">
      <c r="A2787" s="3">
        <v>2011413517</v>
      </c>
      <c r="B2787" s="4" t="s">
        <v>5354</v>
      </c>
      <c r="C2787" s="3" t="s">
        <v>5346</v>
      </c>
    </row>
    <row r="2788" spans="1:3" ht="27" x14ac:dyDescent="0.15">
      <c r="A2788" s="3">
        <v>2011413518</v>
      </c>
      <c r="B2788" s="4" t="s">
        <v>5355</v>
      </c>
      <c r="C2788" s="3" t="s">
        <v>5346</v>
      </c>
    </row>
    <row r="2789" spans="1:3" ht="27" x14ac:dyDescent="0.15">
      <c r="A2789" s="3">
        <v>2011413519</v>
      </c>
      <c r="B2789" s="4" t="s">
        <v>5356</v>
      </c>
      <c r="C2789" s="3" t="s">
        <v>5346</v>
      </c>
    </row>
    <row r="2790" spans="1:3" ht="27" x14ac:dyDescent="0.15">
      <c r="A2790" s="3">
        <v>2011413520</v>
      </c>
      <c r="B2790" s="4" t="s">
        <v>5357</v>
      </c>
      <c r="C2790" s="3" t="s">
        <v>5346</v>
      </c>
    </row>
    <row r="2791" spans="1:3" ht="27" x14ac:dyDescent="0.15">
      <c r="A2791" s="3">
        <v>2011413521</v>
      </c>
      <c r="B2791" s="4" t="s">
        <v>5358</v>
      </c>
      <c r="C2791" s="3" t="s">
        <v>5346</v>
      </c>
    </row>
    <row r="2792" spans="1:3" ht="27" x14ac:dyDescent="0.15">
      <c r="A2792" s="3">
        <v>2011413522</v>
      </c>
      <c r="B2792" s="4" t="s">
        <v>5359</v>
      </c>
      <c r="C2792" s="3" t="s">
        <v>5346</v>
      </c>
    </row>
    <row r="2793" spans="1:3" ht="27" x14ac:dyDescent="0.15">
      <c r="A2793" s="3">
        <v>2011413523</v>
      </c>
      <c r="B2793" s="4" t="s">
        <v>5360</v>
      </c>
      <c r="C2793" s="3" t="s">
        <v>5346</v>
      </c>
    </row>
    <row r="2794" spans="1:3" ht="27" x14ac:dyDescent="0.15">
      <c r="A2794" s="3">
        <v>2011410003</v>
      </c>
      <c r="B2794" s="4" t="s">
        <v>1064</v>
      </c>
      <c r="C2794" s="3" t="s">
        <v>1065</v>
      </c>
    </row>
    <row r="2795" spans="1:3" x14ac:dyDescent="0.15">
      <c r="A2795" s="3">
        <v>2011413539</v>
      </c>
      <c r="B2795" s="4" t="s">
        <v>5377</v>
      </c>
      <c r="C2795" s="3" t="s">
        <v>5378</v>
      </c>
    </row>
    <row r="2796" spans="1:3" ht="27" x14ac:dyDescent="0.15">
      <c r="A2796" s="3">
        <v>2011413748</v>
      </c>
      <c r="B2796" s="4" t="s">
        <v>5626</v>
      </c>
      <c r="C2796" s="3" t="s">
        <v>5378</v>
      </c>
    </row>
    <row r="2797" spans="1:3" x14ac:dyDescent="0.15">
      <c r="A2797" s="3">
        <v>2011413749</v>
      </c>
      <c r="B2797" s="4" t="s">
        <v>5627</v>
      </c>
      <c r="C2797" s="3" t="s">
        <v>5378</v>
      </c>
    </row>
    <row r="2798" spans="1:3" ht="27" x14ac:dyDescent="0.15">
      <c r="A2798" s="3">
        <v>2011413541</v>
      </c>
      <c r="B2798" s="4" t="s">
        <v>5381</v>
      </c>
      <c r="C2798" s="3" t="s">
        <v>5382</v>
      </c>
    </row>
    <row r="2799" spans="1:3" ht="27" x14ac:dyDescent="0.15">
      <c r="A2799" s="3">
        <v>2011413544</v>
      </c>
      <c r="B2799" s="4" t="s">
        <v>5387</v>
      </c>
      <c r="C2799" s="3" t="s">
        <v>5388</v>
      </c>
    </row>
    <row r="2800" spans="1:3" ht="27" x14ac:dyDescent="0.15">
      <c r="A2800" s="3">
        <v>2011413547</v>
      </c>
      <c r="B2800" s="4" t="s">
        <v>5392</v>
      </c>
      <c r="C2800" s="3" t="s">
        <v>5393</v>
      </c>
    </row>
    <row r="2801" spans="1:3" ht="27" x14ac:dyDescent="0.15">
      <c r="A2801" s="3">
        <v>2011413548</v>
      </c>
      <c r="B2801" s="4" t="s">
        <v>5394</v>
      </c>
      <c r="C2801" s="3" t="s">
        <v>5395</v>
      </c>
    </row>
    <row r="2802" spans="1:3" x14ac:dyDescent="0.15">
      <c r="A2802" s="3">
        <v>2011413550</v>
      </c>
      <c r="B2802" s="4" t="s">
        <v>5398</v>
      </c>
      <c r="C2802" s="3" t="s">
        <v>5399</v>
      </c>
    </row>
    <row r="2803" spans="1:3" ht="27" x14ac:dyDescent="0.15">
      <c r="A2803" s="3">
        <v>2011413553</v>
      </c>
      <c r="B2803" s="4" t="s">
        <v>5404</v>
      </c>
      <c r="C2803" s="3" t="s">
        <v>5405</v>
      </c>
    </row>
    <row r="2804" spans="1:3" ht="27" x14ac:dyDescent="0.15">
      <c r="A2804" s="3">
        <v>2011413554</v>
      </c>
      <c r="B2804" s="4" t="s">
        <v>5406</v>
      </c>
      <c r="C2804" s="3" t="s">
        <v>5405</v>
      </c>
    </row>
    <row r="2805" spans="1:3" ht="27" x14ac:dyDescent="0.15">
      <c r="A2805" s="3">
        <v>2011413555</v>
      </c>
      <c r="B2805" s="4" t="s">
        <v>5407</v>
      </c>
      <c r="C2805" s="3" t="s">
        <v>5405</v>
      </c>
    </row>
    <row r="2806" spans="1:3" ht="27" x14ac:dyDescent="0.15">
      <c r="A2806" s="3">
        <v>2011413556</v>
      </c>
      <c r="B2806" s="4" t="s">
        <v>5408</v>
      </c>
      <c r="C2806" s="3" t="s">
        <v>5405</v>
      </c>
    </row>
    <row r="2807" spans="1:3" ht="27" x14ac:dyDescent="0.15">
      <c r="A2807" s="3">
        <v>2011413561</v>
      </c>
      <c r="B2807" s="4" t="s">
        <v>5416</v>
      </c>
      <c r="C2807" s="3" t="s">
        <v>5417</v>
      </c>
    </row>
    <row r="2808" spans="1:3" ht="27" x14ac:dyDescent="0.15">
      <c r="A2808" s="3">
        <v>2011413562</v>
      </c>
      <c r="B2808" s="4" t="s">
        <v>5418</v>
      </c>
      <c r="C2808" s="3" t="s">
        <v>5417</v>
      </c>
    </row>
    <row r="2809" spans="1:3" ht="27" x14ac:dyDescent="0.15">
      <c r="A2809" s="3">
        <v>2011413563</v>
      </c>
      <c r="B2809" s="4" t="s">
        <v>5419</v>
      </c>
      <c r="C2809" s="3" t="s">
        <v>5417</v>
      </c>
    </row>
    <row r="2810" spans="1:3" ht="27" x14ac:dyDescent="0.15">
      <c r="A2810" s="3">
        <v>2011413564</v>
      </c>
      <c r="B2810" s="4" t="s">
        <v>5420</v>
      </c>
      <c r="C2810" s="3" t="s">
        <v>5417</v>
      </c>
    </row>
    <row r="2811" spans="1:3" ht="27" x14ac:dyDescent="0.15">
      <c r="A2811" s="3">
        <v>2011413565</v>
      </c>
      <c r="B2811" s="4" t="s">
        <v>5421</v>
      </c>
      <c r="C2811" s="3" t="s">
        <v>5417</v>
      </c>
    </row>
    <row r="2812" spans="1:3" ht="27" x14ac:dyDescent="0.15">
      <c r="A2812" s="3">
        <v>2011413566</v>
      </c>
      <c r="B2812" s="4" t="s">
        <v>5422</v>
      </c>
      <c r="C2812" s="3" t="s">
        <v>5417</v>
      </c>
    </row>
    <row r="2813" spans="1:3" ht="27" x14ac:dyDescent="0.15">
      <c r="A2813" s="3">
        <v>2011413571</v>
      </c>
      <c r="B2813" s="4" t="s">
        <v>5427</v>
      </c>
      <c r="C2813" s="3" t="s">
        <v>5428</v>
      </c>
    </row>
    <row r="2814" spans="1:3" ht="27" x14ac:dyDescent="0.15">
      <c r="A2814" s="3">
        <v>2011413572</v>
      </c>
      <c r="B2814" s="4" t="s">
        <v>5429</v>
      </c>
      <c r="C2814" s="3" t="s">
        <v>5430</v>
      </c>
    </row>
    <row r="2815" spans="1:3" ht="27" x14ac:dyDescent="0.15">
      <c r="A2815" s="3">
        <v>2011411530</v>
      </c>
      <c r="B2815" s="4" t="s">
        <v>2953</v>
      </c>
      <c r="C2815" s="3" t="s">
        <v>2954</v>
      </c>
    </row>
    <row r="2816" spans="1:3" ht="27" x14ac:dyDescent="0.15">
      <c r="A2816" s="3">
        <v>2011413577</v>
      </c>
      <c r="B2816" s="4" t="s">
        <v>5436</v>
      </c>
      <c r="C2816" s="3" t="s">
        <v>5437</v>
      </c>
    </row>
    <row r="2817" spans="1:3" x14ac:dyDescent="0.15">
      <c r="A2817" s="3">
        <v>2011410060</v>
      </c>
      <c r="B2817" s="4" t="s">
        <v>1156</v>
      </c>
      <c r="C2817" s="3" t="s">
        <v>1157</v>
      </c>
    </row>
    <row r="2818" spans="1:3" x14ac:dyDescent="0.15">
      <c r="A2818" s="3">
        <v>2011410061</v>
      </c>
      <c r="B2818" s="4" t="s">
        <v>1158</v>
      </c>
      <c r="C2818" s="3" t="s">
        <v>1157</v>
      </c>
    </row>
    <row r="2819" spans="1:3" ht="27" x14ac:dyDescent="0.15">
      <c r="A2819" s="3">
        <v>2011413615</v>
      </c>
      <c r="B2819" s="4" t="s">
        <v>5478</v>
      </c>
      <c r="C2819" s="3" t="s">
        <v>5479</v>
      </c>
    </row>
    <row r="2820" spans="1:3" x14ac:dyDescent="0.15">
      <c r="A2820" s="3">
        <v>2011413617</v>
      </c>
      <c r="B2820" s="4" t="s">
        <v>5482</v>
      </c>
      <c r="C2820" s="3" t="s">
        <v>5479</v>
      </c>
    </row>
    <row r="2821" spans="1:3" x14ac:dyDescent="0.15">
      <c r="A2821" s="3">
        <v>2011413618</v>
      </c>
      <c r="B2821" s="4" t="s">
        <v>5483</v>
      </c>
      <c r="C2821" s="3" t="s">
        <v>5479</v>
      </c>
    </row>
    <row r="2822" spans="1:3" ht="27" x14ac:dyDescent="0.15">
      <c r="A2822" s="3">
        <v>2011413619</v>
      </c>
      <c r="B2822" s="4" t="s">
        <v>5484</v>
      </c>
      <c r="C2822" s="3" t="s">
        <v>5479</v>
      </c>
    </row>
    <row r="2823" spans="1:3" ht="27" x14ac:dyDescent="0.15">
      <c r="A2823" s="3">
        <v>2011413620</v>
      </c>
      <c r="B2823" s="4" t="s">
        <v>5485</v>
      </c>
      <c r="C2823" s="3" t="s">
        <v>5479</v>
      </c>
    </row>
    <row r="2824" spans="1:3" ht="27" x14ac:dyDescent="0.15">
      <c r="A2824" s="3">
        <v>2011413621</v>
      </c>
      <c r="B2824" s="4" t="s">
        <v>5486</v>
      </c>
      <c r="C2824" s="3" t="s">
        <v>5479</v>
      </c>
    </row>
    <row r="2825" spans="1:3" ht="27" x14ac:dyDescent="0.15">
      <c r="A2825" s="3">
        <v>2011413622</v>
      </c>
      <c r="B2825" s="4" t="s">
        <v>5487</v>
      </c>
      <c r="C2825" s="3" t="s">
        <v>5479</v>
      </c>
    </row>
    <row r="2826" spans="1:3" ht="27" x14ac:dyDescent="0.15">
      <c r="A2826" s="3">
        <v>2011413624</v>
      </c>
      <c r="B2826" s="4" t="s">
        <v>5489</v>
      </c>
      <c r="C2826" s="3" t="s">
        <v>5479</v>
      </c>
    </row>
    <row r="2827" spans="1:3" ht="27" x14ac:dyDescent="0.15">
      <c r="A2827" s="3">
        <v>2011413625</v>
      </c>
      <c r="B2827" s="4" t="s">
        <v>5490</v>
      </c>
      <c r="C2827" s="3" t="s">
        <v>5479</v>
      </c>
    </row>
    <row r="2828" spans="1:3" ht="27" x14ac:dyDescent="0.15">
      <c r="A2828" s="3">
        <v>2011413626</v>
      </c>
      <c r="B2828" s="4" t="s">
        <v>5491</v>
      </c>
      <c r="C2828" s="3" t="s">
        <v>5479</v>
      </c>
    </row>
    <row r="2829" spans="1:3" ht="27" x14ac:dyDescent="0.15">
      <c r="A2829" s="3">
        <v>2011413627</v>
      </c>
      <c r="B2829" s="4" t="s">
        <v>5492</v>
      </c>
      <c r="C2829" s="3" t="s">
        <v>5479</v>
      </c>
    </row>
    <row r="2830" spans="1:3" x14ac:dyDescent="0.15">
      <c r="A2830" s="3">
        <v>2011413630</v>
      </c>
      <c r="B2830" s="4" t="s">
        <v>5496</v>
      </c>
      <c r="C2830" s="3" t="s">
        <v>5479</v>
      </c>
    </row>
    <row r="2831" spans="1:3" x14ac:dyDescent="0.15">
      <c r="A2831" s="3">
        <v>2011413761</v>
      </c>
      <c r="B2831" s="4" t="s">
        <v>5650</v>
      </c>
      <c r="C2831" s="3" t="s">
        <v>5479</v>
      </c>
    </row>
    <row r="2832" spans="1:3" x14ac:dyDescent="0.15">
      <c r="A2832" s="3">
        <v>2011413762</v>
      </c>
      <c r="B2832" s="4" t="s">
        <v>5651</v>
      </c>
      <c r="C2832" s="3" t="s">
        <v>5479</v>
      </c>
    </row>
    <row r="2833" spans="1:3" ht="27" x14ac:dyDescent="0.15">
      <c r="A2833" s="3">
        <v>2011413640</v>
      </c>
      <c r="B2833" s="4" t="s">
        <v>5508</v>
      </c>
      <c r="C2833" s="3" t="s">
        <v>5509</v>
      </c>
    </row>
    <row r="2834" spans="1:3" x14ac:dyDescent="0.15">
      <c r="A2834" s="3">
        <v>2011413766</v>
      </c>
      <c r="B2834" s="4" t="s">
        <v>5657</v>
      </c>
      <c r="C2834" s="3" t="s">
        <v>5658</v>
      </c>
    </row>
    <row r="2835" spans="1:3" ht="40.5" x14ac:dyDescent="0.15">
      <c r="A2835" s="3">
        <v>2011414378</v>
      </c>
      <c r="B2835" s="4" t="s">
        <v>6507</v>
      </c>
      <c r="C2835" s="3" t="s">
        <v>6508</v>
      </c>
    </row>
    <row r="2836" spans="1:3" ht="40.5" x14ac:dyDescent="0.15">
      <c r="A2836" s="3">
        <v>2011414398</v>
      </c>
      <c r="B2836" s="4" t="s">
        <v>6507</v>
      </c>
      <c r="C2836" s="3" t="s">
        <v>6508</v>
      </c>
    </row>
    <row r="2837" spans="1:3" ht="27" x14ac:dyDescent="0.15">
      <c r="A2837" s="3">
        <v>2008400568</v>
      </c>
      <c r="B2837" s="4" t="s">
        <v>679</v>
      </c>
      <c r="C2837" s="3" t="s">
        <v>680</v>
      </c>
    </row>
    <row r="2838" spans="1:3" ht="27" x14ac:dyDescent="0.15">
      <c r="A2838" s="3">
        <v>2008400569</v>
      </c>
      <c r="B2838" s="4" t="s">
        <v>681</v>
      </c>
      <c r="C2838" s="3" t="s">
        <v>680</v>
      </c>
    </row>
    <row r="2839" spans="1:3" ht="27" x14ac:dyDescent="0.15">
      <c r="A2839" s="3">
        <v>2008400570</v>
      </c>
      <c r="B2839" s="4" t="s">
        <v>682</v>
      </c>
      <c r="C2839" s="3" t="s">
        <v>680</v>
      </c>
    </row>
    <row r="2840" spans="1:3" ht="27" x14ac:dyDescent="0.15">
      <c r="A2840" s="3">
        <v>2008400571</v>
      </c>
      <c r="B2840" s="4" t="s">
        <v>683</v>
      </c>
      <c r="C2840" s="3" t="s">
        <v>680</v>
      </c>
    </row>
    <row r="2841" spans="1:3" ht="27" x14ac:dyDescent="0.15">
      <c r="A2841" s="3">
        <v>2008400591</v>
      </c>
      <c r="B2841" s="4" t="s">
        <v>705</v>
      </c>
      <c r="C2841" s="3" t="s">
        <v>680</v>
      </c>
    </row>
    <row r="2842" spans="1:3" ht="27" x14ac:dyDescent="0.15">
      <c r="A2842" s="3">
        <v>2008400592</v>
      </c>
      <c r="B2842" s="4" t="s">
        <v>706</v>
      </c>
      <c r="C2842" s="3" t="s">
        <v>680</v>
      </c>
    </row>
    <row r="2843" spans="1:3" ht="27" x14ac:dyDescent="0.15">
      <c r="A2843" s="3">
        <v>2011410007</v>
      </c>
      <c r="B2843" s="4" t="s">
        <v>1068</v>
      </c>
      <c r="C2843" s="3" t="s">
        <v>680</v>
      </c>
    </row>
    <row r="2844" spans="1:3" ht="27" x14ac:dyDescent="0.15">
      <c r="A2844" s="3">
        <v>2011413641</v>
      </c>
      <c r="B2844" s="4" t="s">
        <v>5510</v>
      </c>
      <c r="C2844" s="3" t="s">
        <v>680</v>
      </c>
    </row>
    <row r="2845" spans="1:3" ht="27" x14ac:dyDescent="0.15">
      <c r="A2845" s="3">
        <v>2011413642</v>
      </c>
      <c r="B2845" s="4" t="s">
        <v>5511</v>
      </c>
      <c r="C2845" s="3" t="s">
        <v>680</v>
      </c>
    </row>
    <row r="2846" spans="1:3" ht="27" x14ac:dyDescent="0.15">
      <c r="A2846" s="3">
        <v>2011413643</v>
      </c>
      <c r="B2846" s="4" t="s">
        <v>5512</v>
      </c>
      <c r="C2846" s="3" t="s">
        <v>680</v>
      </c>
    </row>
    <row r="2847" spans="1:3" ht="27" x14ac:dyDescent="0.15">
      <c r="A2847" s="3">
        <v>2011413644</v>
      </c>
      <c r="B2847" s="4" t="s">
        <v>5513</v>
      </c>
      <c r="C2847" s="3" t="s">
        <v>680</v>
      </c>
    </row>
    <row r="2848" spans="1:3" ht="27" x14ac:dyDescent="0.15">
      <c r="A2848" s="3">
        <v>2011413645</v>
      </c>
      <c r="B2848" s="4" t="s">
        <v>5514</v>
      </c>
      <c r="C2848" s="3" t="s">
        <v>680</v>
      </c>
    </row>
    <row r="2849" spans="1:3" ht="27" x14ac:dyDescent="0.15">
      <c r="A2849" s="3">
        <v>2011413646</v>
      </c>
      <c r="B2849" s="4" t="s">
        <v>5515</v>
      </c>
      <c r="C2849" s="3" t="s">
        <v>680</v>
      </c>
    </row>
    <row r="2850" spans="1:3" ht="27" x14ac:dyDescent="0.15">
      <c r="A2850" s="3">
        <v>2011413647</v>
      </c>
      <c r="B2850" s="4" t="s">
        <v>5516</v>
      </c>
      <c r="C2850" s="3" t="s">
        <v>680</v>
      </c>
    </row>
    <row r="2851" spans="1:3" ht="27" x14ac:dyDescent="0.15">
      <c r="A2851" s="3">
        <v>2011413648</v>
      </c>
      <c r="B2851" s="4" t="s">
        <v>5517</v>
      </c>
      <c r="C2851" s="3" t="s">
        <v>680</v>
      </c>
    </row>
    <row r="2852" spans="1:3" ht="27" x14ac:dyDescent="0.15">
      <c r="A2852" s="3">
        <v>2011413649</v>
      </c>
      <c r="B2852" s="4" t="s">
        <v>5517</v>
      </c>
      <c r="C2852" s="3" t="s">
        <v>680</v>
      </c>
    </row>
    <row r="2853" spans="1:3" ht="27" x14ac:dyDescent="0.15">
      <c r="A2853" s="3">
        <v>2011413650</v>
      </c>
      <c r="B2853" s="4" t="s">
        <v>5518</v>
      </c>
      <c r="C2853" s="3" t="s">
        <v>680</v>
      </c>
    </row>
    <row r="2854" spans="1:3" ht="27" x14ac:dyDescent="0.15">
      <c r="A2854" s="3">
        <v>2011413651</v>
      </c>
      <c r="B2854" s="4" t="s">
        <v>5519</v>
      </c>
      <c r="C2854" s="3" t="s">
        <v>680</v>
      </c>
    </row>
    <row r="2855" spans="1:3" ht="27" x14ac:dyDescent="0.15">
      <c r="A2855" s="3">
        <v>2011413652</v>
      </c>
      <c r="B2855" s="4" t="s">
        <v>5519</v>
      </c>
      <c r="C2855" s="3" t="s">
        <v>680</v>
      </c>
    </row>
    <row r="2856" spans="1:3" ht="27" x14ac:dyDescent="0.15">
      <c r="A2856" s="3">
        <v>2011413653</v>
      </c>
      <c r="B2856" s="4" t="s">
        <v>5520</v>
      </c>
      <c r="C2856" s="3" t="s">
        <v>680</v>
      </c>
    </row>
    <row r="2857" spans="1:3" ht="27" x14ac:dyDescent="0.15">
      <c r="A2857" s="3">
        <v>2011413654</v>
      </c>
      <c r="B2857" s="4" t="s">
        <v>5520</v>
      </c>
      <c r="C2857" s="3" t="s">
        <v>680</v>
      </c>
    </row>
    <row r="2858" spans="1:3" ht="27" x14ac:dyDescent="0.15">
      <c r="A2858" s="3">
        <v>2011413655</v>
      </c>
      <c r="B2858" s="4" t="s">
        <v>5520</v>
      </c>
      <c r="C2858" s="3" t="s">
        <v>680</v>
      </c>
    </row>
    <row r="2859" spans="1:3" ht="27" x14ac:dyDescent="0.15">
      <c r="A2859" s="3">
        <v>2011413656</v>
      </c>
      <c r="B2859" s="4" t="s">
        <v>5521</v>
      </c>
      <c r="C2859" s="3" t="s">
        <v>680</v>
      </c>
    </row>
    <row r="2860" spans="1:3" ht="27" x14ac:dyDescent="0.15">
      <c r="A2860" s="3">
        <v>2011413657</v>
      </c>
      <c r="B2860" s="4" t="s">
        <v>5522</v>
      </c>
      <c r="C2860" s="3" t="s">
        <v>680</v>
      </c>
    </row>
    <row r="2861" spans="1:3" ht="27" x14ac:dyDescent="0.15">
      <c r="A2861" s="3">
        <v>2011413658</v>
      </c>
      <c r="B2861" s="4" t="s">
        <v>5523</v>
      </c>
      <c r="C2861" s="3" t="s">
        <v>680</v>
      </c>
    </row>
    <row r="2862" spans="1:3" ht="27" x14ac:dyDescent="0.15">
      <c r="A2862" s="3">
        <v>2011413659</v>
      </c>
      <c r="B2862" s="4" t="s">
        <v>5524</v>
      </c>
      <c r="C2862" s="3" t="s">
        <v>680</v>
      </c>
    </row>
    <row r="2863" spans="1:3" ht="27" x14ac:dyDescent="0.15">
      <c r="A2863" s="3">
        <v>2011413660</v>
      </c>
      <c r="B2863" s="4" t="s">
        <v>5525</v>
      </c>
      <c r="C2863" s="3" t="s">
        <v>680</v>
      </c>
    </row>
    <row r="2864" spans="1:3" ht="27" x14ac:dyDescent="0.15">
      <c r="A2864" s="3">
        <v>2011413661</v>
      </c>
      <c r="B2864" s="4" t="s">
        <v>5526</v>
      </c>
      <c r="C2864" s="3" t="s">
        <v>680</v>
      </c>
    </row>
    <row r="2865" spans="1:3" ht="27" x14ac:dyDescent="0.15">
      <c r="A2865" s="3">
        <v>2011413662</v>
      </c>
      <c r="B2865" s="4" t="s">
        <v>5527</v>
      </c>
      <c r="C2865" s="3" t="s">
        <v>680</v>
      </c>
    </row>
    <row r="2866" spans="1:3" x14ac:dyDescent="0.15">
      <c r="A2866" s="3">
        <v>2011413767</v>
      </c>
      <c r="B2866" s="4" t="s">
        <v>5659</v>
      </c>
      <c r="C2866" s="3" t="s">
        <v>680</v>
      </c>
    </row>
    <row r="2867" spans="1:3" ht="27" x14ac:dyDescent="0.15">
      <c r="A2867" s="3">
        <v>2011410900</v>
      </c>
      <c r="B2867" s="4" t="s">
        <v>2186</v>
      </c>
      <c r="C2867" s="3" t="s">
        <v>2187</v>
      </c>
    </row>
    <row r="2868" spans="1:3" ht="27" x14ac:dyDescent="0.15">
      <c r="A2868" s="3">
        <v>2011413664</v>
      </c>
      <c r="B2868" s="4" t="s">
        <v>5529</v>
      </c>
      <c r="C2868" s="3" t="s">
        <v>2187</v>
      </c>
    </row>
    <row r="2869" spans="1:3" ht="27" x14ac:dyDescent="0.15">
      <c r="A2869" s="3">
        <v>2011413669</v>
      </c>
      <c r="B2869" s="4" t="s">
        <v>5535</v>
      </c>
      <c r="C2869" s="3" t="s">
        <v>5536</v>
      </c>
    </row>
    <row r="2870" spans="1:3" ht="27" x14ac:dyDescent="0.15">
      <c r="A2870" s="3">
        <v>2011410057</v>
      </c>
      <c r="B2870" s="4" t="s">
        <v>1150</v>
      </c>
      <c r="C2870" s="3" t="s">
        <v>1151</v>
      </c>
    </row>
    <row r="2871" spans="1:3" x14ac:dyDescent="0.15">
      <c r="A2871" s="3">
        <v>2011413670</v>
      </c>
      <c r="B2871" s="4" t="s">
        <v>5537</v>
      </c>
      <c r="C2871" s="3" t="s">
        <v>1151</v>
      </c>
    </row>
    <row r="2872" spans="1:3" ht="27" x14ac:dyDescent="0.15">
      <c r="A2872" s="3">
        <v>2011413671</v>
      </c>
      <c r="B2872" s="4" t="s">
        <v>5538</v>
      </c>
      <c r="C2872" s="3" t="s">
        <v>1151</v>
      </c>
    </row>
    <row r="2873" spans="1:3" ht="27" x14ac:dyDescent="0.15">
      <c r="A2873" s="3">
        <v>2011413672</v>
      </c>
      <c r="B2873" s="4" t="s">
        <v>5539</v>
      </c>
      <c r="C2873" s="3" t="s">
        <v>1151</v>
      </c>
    </row>
    <row r="2874" spans="1:3" x14ac:dyDescent="0.15">
      <c r="A2874" s="3">
        <v>2011413674</v>
      </c>
      <c r="B2874" s="4" t="s">
        <v>5542</v>
      </c>
      <c r="C2874" s="3" t="s">
        <v>1151</v>
      </c>
    </row>
    <row r="2875" spans="1:3" x14ac:dyDescent="0.15">
      <c r="A2875" s="3">
        <v>2011413675</v>
      </c>
      <c r="B2875" s="4" t="s">
        <v>5542</v>
      </c>
      <c r="C2875" s="3" t="s">
        <v>1151</v>
      </c>
    </row>
    <row r="2876" spans="1:3" ht="27" x14ac:dyDescent="0.15">
      <c r="A2876" s="3">
        <v>2011413676</v>
      </c>
      <c r="B2876" s="4" t="s">
        <v>5543</v>
      </c>
      <c r="C2876" s="3" t="s">
        <v>1151</v>
      </c>
    </row>
    <row r="2877" spans="1:3" ht="27" x14ac:dyDescent="0.15">
      <c r="A2877" s="3">
        <v>2011413771</v>
      </c>
      <c r="B2877" s="4" t="s">
        <v>5664</v>
      </c>
      <c r="C2877" s="3" t="s">
        <v>1151</v>
      </c>
    </row>
    <row r="2878" spans="1:3" ht="27" x14ac:dyDescent="0.15">
      <c r="A2878" s="3">
        <v>2011413772</v>
      </c>
      <c r="B2878" s="4" t="s">
        <v>5665</v>
      </c>
      <c r="C2878" s="3" t="s">
        <v>1151</v>
      </c>
    </row>
    <row r="2879" spans="1:3" ht="27" x14ac:dyDescent="0.15">
      <c r="A2879" s="3">
        <v>2011411529</v>
      </c>
      <c r="B2879" s="4" t="s">
        <v>2951</v>
      </c>
      <c r="C2879" s="3" t="s">
        <v>2952</v>
      </c>
    </row>
    <row r="2880" spans="1:3" ht="27" x14ac:dyDescent="0.15">
      <c r="A2880" s="3">
        <v>2011414175</v>
      </c>
      <c r="B2880" s="4" t="s">
        <v>6231</v>
      </c>
      <c r="C2880" s="3" t="s">
        <v>2952</v>
      </c>
    </row>
    <row r="2881" spans="1:3" ht="27" x14ac:dyDescent="0.15">
      <c r="A2881" s="3">
        <v>2011414457</v>
      </c>
      <c r="B2881" s="4" t="s">
        <v>6610</v>
      </c>
      <c r="C2881" s="3" t="s">
        <v>6611</v>
      </c>
    </row>
    <row r="2882" spans="1:3" ht="27" x14ac:dyDescent="0.15">
      <c r="A2882" s="3">
        <v>2011413781</v>
      </c>
      <c r="B2882" s="4" t="s">
        <v>5677</v>
      </c>
      <c r="C2882" s="3" t="s">
        <v>5678</v>
      </c>
    </row>
    <row r="2883" spans="1:3" ht="27" x14ac:dyDescent="0.15">
      <c r="A2883" s="3">
        <v>2011414367</v>
      </c>
      <c r="B2883" s="4" t="s">
        <v>5677</v>
      </c>
      <c r="C2883" s="3" t="s">
        <v>5678</v>
      </c>
    </row>
    <row r="2884" spans="1:3" ht="27" x14ac:dyDescent="0.15">
      <c r="A2884" s="3">
        <v>2008400572</v>
      </c>
      <c r="B2884" s="4" t="s">
        <v>684</v>
      </c>
      <c r="C2884" s="3" t="s">
        <v>685</v>
      </c>
    </row>
    <row r="2885" spans="1:3" ht="27" x14ac:dyDescent="0.15">
      <c r="A2885" s="3">
        <v>2008400573</v>
      </c>
      <c r="B2885" s="4" t="s">
        <v>686</v>
      </c>
      <c r="C2885" s="3" t="s">
        <v>685</v>
      </c>
    </row>
    <row r="2886" spans="1:3" ht="27" x14ac:dyDescent="0.15">
      <c r="A2886" s="3">
        <v>2008400574</v>
      </c>
      <c r="B2886" s="4" t="s">
        <v>687</v>
      </c>
      <c r="C2886" s="3" t="s">
        <v>685</v>
      </c>
    </row>
    <row r="2887" spans="1:3" ht="27" x14ac:dyDescent="0.15">
      <c r="A2887" s="3">
        <v>2008400575</v>
      </c>
      <c r="B2887" s="4" t="s">
        <v>688</v>
      </c>
      <c r="C2887" s="3" t="s">
        <v>685</v>
      </c>
    </row>
    <row r="2888" spans="1:3" ht="27" x14ac:dyDescent="0.15">
      <c r="A2888" s="3">
        <v>2008400576</v>
      </c>
      <c r="B2888" s="4" t="s">
        <v>689</v>
      </c>
      <c r="C2888" s="3" t="s">
        <v>685</v>
      </c>
    </row>
    <row r="2889" spans="1:3" ht="27" x14ac:dyDescent="0.15">
      <c r="A2889" s="3">
        <v>2008400577</v>
      </c>
      <c r="B2889" s="4" t="s">
        <v>690</v>
      </c>
      <c r="C2889" s="3" t="s">
        <v>685</v>
      </c>
    </row>
    <row r="2890" spans="1:3" x14ac:dyDescent="0.15">
      <c r="A2890" s="3">
        <v>2008400593</v>
      </c>
      <c r="B2890" s="4" t="s">
        <v>707</v>
      </c>
      <c r="C2890" s="3" t="s">
        <v>685</v>
      </c>
    </row>
    <row r="2891" spans="1:3" ht="27" x14ac:dyDescent="0.15">
      <c r="A2891" s="3">
        <v>2008400594</v>
      </c>
      <c r="B2891" s="4" t="s">
        <v>708</v>
      </c>
      <c r="C2891" s="3" t="s">
        <v>685</v>
      </c>
    </row>
    <row r="2892" spans="1:3" ht="27" x14ac:dyDescent="0.15">
      <c r="A2892" s="3">
        <v>2008400595</v>
      </c>
      <c r="B2892" s="4" t="s">
        <v>709</v>
      </c>
      <c r="C2892" s="3" t="s">
        <v>685</v>
      </c>
    </row>
    <row r="2893" spans="1:3" ht="27" x14ac:dyDescent="0.15">
      <c r="A2893" s="3">
        <v>2008400596</v>
      </c>
      <c r="B2893" s="4" t="s">
        <v>710</v>
      </c>
      <c r="C2893" s="3" t="s">
        <v>685</v>
      </c>
    </row>
    <row r="2894" spans="1:3" ht="27" x14ac:dyDescent="0.15">
      <c r="A2894" s="3">
        <v>2008400597</v>
      </c>
      <c r="B2894" s="4" t="s">
        <v>711</v>
      </c>
      <c r="C2894" s="3" t="s">
        <v>685</v>
      </c>
    </row>
    <row r="2895" spans="1:3" ht="27" x14ac:dyDescent="0.15">
      <c r="A2895" s="3">
        <v>2008400598</v>
      </c>
      <c r="B2895" s="4" t="s">
        <v>712</v>
      </c>
      <c r="C2895" s="3" t="s">
        <v>685</v>
      </c>
    </row>
    <row r="2896" spans="1:3" ht="27" x14ac:dyDescent="0.15">
      <c r="A2896" s="3">
        <v>2008400599</v>
      </c>
      <c r="B2896" s="4" t="s">
        <v>713</v>
      </c>
      <c r="C2896" s="3" t="s">
        <v>685</v>
      </c>
    </row>
    <row r="2897" spans="1:3" ht="27" x14ac:dyDescent="0.15">
      <c r="A2897" s="3">
        <v>2008400600</v>
      </c>
      <c r="B2897" s="4" t="s">
        <v>713</v>
      </c>
      <c r="C2897" s="3" t="s">
        <v>685</v>
      </c>
    </row>
    <row r="2898" spans="1:3" ht="27" x14ac:dyDescent="0.15">
      <c r="A2898" s="3">
        <v>2008400601</v>
      </c>
      <c r="B2898" s="4" t="s">
        <v>714</v>
      </c>
      <c r="C2898" s="3" t="s">
        <v>685</v>
      </c>
    </row>
    <row r="2899" spans="1:3" ht="27" x14ac:dyDescent="0.15">
      <c r="A2899" s="3">
        <v>2008400602</v>
      </c>
      <c r="B2899" s="4" t="s">
        <v>715</v>
      </c>
      <c r="C2899" s="3" t="s">
        <v>685</v>
      </c>
    </row>
    <row r="2900" spans="1:3" ht="27" x14ac:dyDescent="0.15">
      <c r="A2900" s="3">
        <v>2008400603</v>
      </c>
      <c r="B2900" s="4" t="s">
        <v>716</v>
      </c>
      <c r="C2900" s="3" t="s">
        <v>685</v>
      </c>
    </row>
    <row r="2901" spans="1:3" ht="27" x14ac:dyDescent="0.15">
      <c r="A2901" s="3">
        <v>2008400604</v>
      </c>
      <c r="B2901" s="4" t="s">
        <v>717</v>
      </c>
      <c r="C2901" s="3" t="s">
        <v>685</v>
      </c>
    </row>
    <row r="2902" spans="1:3" x14ac:dyDescent="0.15">
      <c r="A2902" s="3">
        <v>2008400605</v>
      </c>
      <c r="B2902" s="4" t="s">
        <v>718</v>
      </c>
      <c r="C2902" s="3" t="s">
        <v>685</v>
      </c>
    </row>
    <row r="2903" spans="1:3" ht="27" x14ac:dyDescent="0.15">
      <c r="A2903" s="3">
        <v>2008400606</v>
      </c>
      <c r="B2903" s="4" t="s">
        <v>719</v>
      </c>
      <c r="C2903" s="3" t="s">
        <v>685</v>
      </c>
    </row>
    <row r="2904" spans="1:3" ht="27" x14ac:dyDescent="0.15">
      <c r="A2904" s="3">
        <v>2008400607</v>
      </c>
      <c r="B2904" s="4" t="s">
        <v>720</v>
      </c>
      <c r="C2904" s="3" t="s">
        <v>685</v>
      </c>
    </row>
    <row r="2905" spans="1:3" ht="27" x14ac:dyDescent="0.15">
      <c r="A2905" s="3">
        <v>2008400608</v>
      </c>
      <c r="B2905" s="4" t="s">
        <v>721</v>
      </c>
      <c r="C2905" s="3" t="s">
        <v>685</v>
      </c>
    </row>
    <row r="2906" spans="1:3" ht="27" x14ac:dyDescent="0.15">
      <c r="A2906" s="3">
        <v>2008400609</v>
      </c>
      <c r="B2906" s="4" t="s">
        <v>722</v>
      </c>
      <c r="C2906" s="3" t="s">
        <v>685</v>
      </c>
    </row>
    <row r="2907" spans="1:3" x14ac:dyDescent="0.15">
      <c r="A2907" s="3">
        <v>2008400610</v>
      </c>
      <c r="B2907" s="4" t="s">
        <v>723</v>
      </c>
      <c r="C2907" s="3" t="s">
        <v>685</v>
      </c>
    </row>
    <row r="2908" spans="1:3" ht="27" x14ac:dyDescent="0.15">
      <c r="A2908" s="3">
        <v>2008400611</v>
      </c>
      <c r="B2908" s="4" t="s">
        <v>724</v>
      </c>
      <c r="C2908" s="3" t="s">
        <v>685</v>
      </c>
    </row>
    <row r="2909" spans="1:3" ht="27" x14ac:dyDescent="0.15">
      <c r="A2909" s="3">
        <v>2008400612</v>
      </c>
      <c r="B2909" s="4" t="s">
        <v>725</v>
      </c>
      <c r="C2909" s="3" t="s">
        <v>685</v>
      </c>
    </row>
    <row r="2910" spans="1:3" ht="27" x14ac:dyDescent="0.15">
      <c r="A2910" s="3">
        <v>2008400613</v>
      </c>
      <c r="B2910" s="4" t="s">
        <v>726</v>
      </c>
      <c r="C2910" s="3" t="s">
        <v>685</v>
      </c>
    </row>
    <row r="2911" spans="1:3" x14ac:dyDescent="0.15">
      <c r="A2911" s="3">
        <v>2008400614</v>
      </c>
      <c r="B2911" s="4" t="s">
        <v>727</v>
      </c>
      <c r="C2911" s="3" t="s">
        <v>685</v>
      </c>
    </row>
    <row r="2912" spans="1:3" ht="27" x14ac:dyDescent="0.15">
      <c r="A2912" s="3">
        <v>2008400615</v>
      </c>
      <c r="B2912" s="4" t="s">
        <v>728</v>
      </c>
      <c r="C2912" s="3" t="s">
        <v>685</v>
      </c>
    </row>
    <row r="2913" spans="1:3" ht="27" x14ac:dyDescent="0.15">
      <c r="A2913" s="3">
        <v>2008400616</v>
      </c>
      <c r="B2913" s="4" t="s">
        <v>729</v>
      </c>
      <c r="C2913" s="3" t="s">
        <v>685</v>
      </c>
    </row>
    <row r="2914" spans="1:3" x14ac:dyDescent="0.15">
      <c r="A2914" s="3">
        <v>2008400617</v>
      </c>
      <c r="B2914" s="4" t="s">
        <v>730</v>
      </c>
      <c r="C2914" s="3" t="s">
        <v>685</v>
      </c>
    </row>
    <row r="2915" spans="1:3" ht="27" x14ac:dyDescent="0.15">
      <c r="A2915" s="3">
        <v>2008400618</v>
      </c>
      <c r="B2915" s="4" t="s">
        <v>731</v>
      </c>
      <c r="C2915" s="3" t="s">
        <v>685</v>
      </c>
    </row>
    <row r="2916" spans="1:3" ht="27" x14ac:dyDescent="0.15">
      <c r="A2916" s="3">
        <v>2008400619</v>
      </c>
      <c r="B2916" s="4" t="s">
        <v>732</v>
      </c>
      <c r="C2916" s="3" t="s">
        <v>685</v>
      </c>
    </row>
    <row r="2917" spans="1:3" ht="27" x14ac:dyDescent="0.15">
      <c r="A2917" s="3">
        <v>2008400620</v>
      </c>
      <c r="B2917" s="4" t="s">
        <v>733</v>
      </c>
      <c r="C2917" s="3" t="s">
        <v>685</v>
      </c>
    </row>
    <row r="2918" spans="1:3" ht="27" x14ac:dyDescent="0.15">
      <c r="A2918" s="3">
        <v>2008400621</v>
      </c>
      <c r="B2918" s="4" t="s">
        <v>734</v>
      </c>
      <c r="C2918" s="3" t="s">
        <v>685</v>
      </c>
    </row>
    <row r="2919" spans="1:3" ht="27" x14ac:dyDescent="0.15">
      <c r="A2919" s="3">
        <v>2008400622</v>
      </c>
      <c r="B2919" s="4" t="s">
        <v>735</v>
      </c>
      <c r="C2919" s="3" t="s">
        <v>685</v>
      </c>
    </row>
    <row r="2920" spans="1:3" ht="27" x14ac:dyDescent="0.15">
      <c r="A2920" s="3">
        <v>2008400623</v>
      </c>
      <c r="B2920" s="4" t="s">
        <v>736</v>
      </c>
      <c r="C2920" s="3" t="s">
        <v>685</v>
      </c>
    </row>
    <row r="2921" spans="1:3" ht="27" x14ac:dyDescent="0.15">
      <c r="A2921" s="3">
        <v>2008400624</v>
      </c>
      <c r="B2921" s="4" t="s">
        <v>737</v>
      </c>
      <c r="C2921" s="3" t="s">
        <v>685</v>
      </c>
    </row>
    <row r="2922" spans="1:3" x14ac:dyDescent="0.15">
      <c r="A2922" s="3">
        <v>2008400625</v>
      </c>
      <c r="B2922" s="4" t="s">
        <v>738</v>
      </c>
      <c r="C2922" s="3" t="s">
        <v>685</v>
      </c>
    </row>
    <row r="2923" spans="1:3" ht="27" x14ac:dyDescent="0.15">
      <c r="A2923" s="3">
        <v>2008400626</v>
      </c>
      <c r="B2923" s="4" t="s">
        <v>739</v>
      </c>
      <c r="C2923" s="3" t="s">
        <v>685</v>
      </c>
    </row>
    <row r="2924" spans="1:3" ht="27" x14ac:dyDescent="0.15">
      <c r="A2924" s="3">
        <v>2008400627</v>
      </c>
      <c r="B2924" s="4" t="s">
        <v>740</v>
      </c>
      <c r="C2924" s="3" t="s">
        <v>685</v>
      </c>
    </row>
    <row r="2925" spans="1:3" ht="27" x14ac:dyDescent="0.15">
      <c r="A2925" s="3">
        <v>2008400655</v>
      </c>
      <c r="B2925" s="4" t="s">
        <v>781</v>
      </c>
      <c r="C2925" s="3" t="s">
        <v>685</v>
      </c>
    </row>
    <row r="2926" spans="1:3" ht="27" x14ac:dyDescent="0.15">
      <c r="A2926" s="3">
        <v>2011413686</v>
      </c>
      <c r="B2926" s="4" t="s">
        <v>5555</v>
      </c>
      <c r="C2926" s="3" t="s">
        <v>685</v>
      </c>
    </row>
    <row r="2927" spans="1:3" ht="27" x14ac:dyDescent="0.15">
      <c r="A2927" s="3">
        <v>2011413687</v>
      </c>
      <c r="B2927" s="4" t="s">
        <v>5556</v>
      </c>
      <c r="C2927" s="3" t="s">
        <v>685</v>
      </c>
    </row>
    <row r="2928" spans="1:3" ht="27" x14ac:dyDescent="0.15">
      <c r="A2928" s="3">
        <v>2011413688</v>
      </c>
      <c r="B2928" s="4" t="s">
        <v>5557</v>
      </c>
      <c r="C2928" s="3" t="s">
        <v>685</v>
      </c>
    </row>
    <row r="2929" spans="1:3" ht="27" x14ac:dyDescent="0.15">
      <c r="A2929" s="3">
        <v>2011413689</v>
      </c>
      <c r="B2929" s="4" t="s">
        <v>5558</v>
      </c>
      <c r="C2929" s="3" t="s">
        <v>685</v>
      </c>
    </row>
    <row r="2930" spans="1:3" ht="27" x14ac:dyDescent="0.15">
      <c r="A2930" s="3">
        <v>2011413690</v>
      </c>
      <c r="B2930" s="4" t="s">
        <v>726</v>
      </c>
      <c r="C2930" s="3" t="s">
        <v>685</v>
      </c>
    </row>
    <row r="2931" spans="1:3" x14ac:dyDescent="0.15">
      <c r="A2931" s="3">
        <v>2011413691</v>
      </c>
      <c r="B2931" s="4" t="s">
        <v>5559</v>
      </c>
      <c r="C2931" s="3" t="s">
        <v>685</v>
      </c>
    </row>
    <row r="2932" spans="1:3" ht="27" x14ac:dyDescent="0.15">
      <c r="A2932" s="3">
        <v>2011413692</v>
      </c>
      <c r="B2932" s="4" t="s">
        <v>5560</v>
      </c>
      <c r="C2932" s="3" t="s">
        <v>685</v>
      </c>
    </row>
    <row r="2933" spans="1:3" x14ac:dyDescent="0.15">
      <c r="A2933" s="3">
        <v>2011413693</v>
      </c>
      <c r="B2933" s="4" t="s">
        <v>5561</v>
      </c>
      <c r="C2933" s="3" t="s">
        <v>685</v>
      </c>
    </row>
    <row r="2934" spans="1:3" x14ac:dyDescent="0.15">
      <c r="A2934" s="3">
        <v>2011413694</v>
      </c>
      <c r="B2934" s="4" t="s">
        <v>5562</v>
      </c>
      <c r="C2934" s="3" t="s">
        <v>685</v>
      </c>
    </row>
    <row r="2935" spans="1:3" ht="27" x14ac:dyDescent="0.15">
      <c r="A2935" s="3">
        <v>2011413695</v>
      </c>
      <c r="B2935" s="4" t="s">
        <v>5563</v>
      </c>
      <c r="C2935" s="3" t="s">
        <v>685</v>
      </c>
    </row>
    <row r="2936" spans="1:3" ht="27" x14ac:dyDescent="0.15">
      <c r="A2936" s="3">
        <v>2011413696</v>
      </c>
      <c r="B2936" s="4" t="s">
        <v>5564</v>
      </c>
      <c r="C2936" s="3" t="s">
        <v>685</v>
      </c>
    </row>
    <row r="2937" spans="1:3" ht="27" x14ac:dyDescent="0.15">
      <c r="A2937" s="3">
        <v>2011413697</v>
      </c>
      <c r="B2937" s="4" t="s">
        <v>5565</v>
      </c>
      <c r="C2937" s="3" t="s">
        <v>685</v>
      </c>
    </row>
    <row r="2938" spans="1:3" ht="27" x14ac:dyDescent="0.15">
      <c r="A2938" s="3">
        <v>2011413698</v>
      </c>
      <c r="B2938" s="4" t="s">
        <v>720</v>
      </c>
      <c r="C2938" s="3" t="s">
        <v>685</v>
      </c>
    </row>
    <row r="2939" spans="1:3" ht="27" x14ac:dyDescent="0.15">
      <c r="A2939" s="3">
        <v>2011413699</v>
      </c>
      <c r="B2939" s="4" t="s">
        <v>720</v>
      </c>
      <c r="C2939" s="3" t="s">
        <v>685</v>
      </c>
    </row>
    <row r="2940" spans="1:3" x14ac:dyDescent="0.15">
      <c r="A2940" s="3">
        <v>2011413700</v>
      </c>
      <c r="B2940" s="4" t="s">
        <v>738</v>
      </c>
      <c r="C2940" s="3" t="s">
        <v>685</v>
      </c>
    </row>
    <row r="2941" spans="1:3" ht="27" x14ac:dyDescent="0.15">
      <c r="A2941" s="3">
        <v>2011413701</v>
      </c>
      <c r="B2941" s="4" t="s">
        <v>5566</v>
      </c>
      <c r="C2941" s="3" t="s">
        <v>685</v>
      </c>
    </row>
    <row r="2942" spans="1:3" ht="27" x14ac:dyDescent="0.15">
      <c r="A2942" s="3">
        <v>2011413702</v>
      </c>
      <c r="B2942" s="4" t="s">
        <v>5567</v>
      </c>
      <c r="C2942" s="3" t="s">
        <v>685</v>
      </c>
    </row>
    <row r="2943" spans="1:3" ht="27" x14ac:dyDescent="0.15">
      <c r="A2943" s="3">
        <v>2011413703</v>
      </c>
      <c r="B2943" s="4" t="s">
        <v>5568</v>
      </c>
      <c r="C2943" s="3" t="s">
        <v>685</v>
      </c>
    </row>
    <row r="2944" spans="1:3" ht="27" x14ac:dyDescent="0.15">
      <c r="A2944" s="3">
        <v>2011413704</v>
      </c>
      <c r="B2944" s="4" t="s">
        <v>5569</v>
      </c>
      <c r="C2944" s="3" t="s">
        <v>685</v>
      </c>
    </row>
    <row r="2945" spans="1:3" ht="27" x14ac:dyDescent="0.15">
      <c r="A2945" s="3">
        <v>2011413731</v>
      </c>
      <c r="B2945" s="4" t="s">
        <v>5602</v>
      </c>
      <c r="C2945" s="3" t="s">
        <v>685</v>
      </c>
    </row>
    <row r="2946" spans="1:3" ht="27" x14ac:dyDescent="0.15">
      <c r="A2946" s="3">
        <v>2011413776</v>
      </c>
      <c r="B2946" s="4" t="s">
        <v>5672</v>
      </c>
      <c r="C2946" s="3" t="s">
        <v>685</v>
      </c>
    </row>
    <row r="2947" spans="1:3" ht="27" x14ac:dyDescent="0.15">
      <c r="A2947" s="3">
        <v>2011413777</v>
      </c>
      <c r="B2947" s="4" t="s">
        <v>5673</v>
      </c>
      <c r="C2947" s="3" t="s">
        <v>685</v>
      </c>
    </row>
    <row r="2948" spans="1:3" x14ac:dyDescent="0.15">
      <c r="A2948" s="3">
        <v>2011413778</v>
      </c>
      <c r="B2948" s="4" t="s">
        <v>5674</v>
      </c>
      <c r="C2948" s="3" t="s">
        <v>685</v>
      </c>
    </row>
    <row r="2949" spans="1:3" ht="27" x14ac:dyDescent="0.15">
      <c r="A2949" s="3">
        <v>2011413779</v>
      </c>
      <c r="B2949" s="4" t="s">
        <v>5675</v>
      </c>
      <c r="C2949" s="3" t="s">
        <v>685</v>
      </c>
    </row>
    <row r="2950" spans="1:3" ht="27" x14ac:dyDescent="0.15">
      <c r="A2950" s="3">
        <v>2011413780</v>
      </c>
      <c r="B2950" s="4" t="s">
        <v>5676</v>
      </c>
      <c r="C2950" s="3" t="s">
        <v>685</v>
      </c>
    </row>
    <row r="2951" spans="1:3" ht="27" x14ac:dyDescent="0.15">
      <c r="A2951" s="3">
        <v>2011413786</v>
      </c>
      <c r="B2951" s="4" t="s">
        <v>5684</v>
      </c>
      <c r="C2951" s="3" t="s">
        <v>5685</v>
      </c>
    </row>
    <row r="2952" spans="1:3" x14ac:dyDescent="0.15">
      <c r="A2952" s="3">
        <v>2011410058</v>
      </c>
      <c r="B2952" s="4" t="s">
        <v>1152</v>
      </c>
      <c r="C2952" s="3" t="s">
        <v>1153</v>
      </c>
    </row>
    <row r="2953" spans="1:3" ht="27" x14ac:dyDescent="0.15">
      <c r="A2953" s="3">
        <v>2011413707</v>
      </c>
      <c r="B2953" s="4" t="s">
        <v>5573</v>
      </c>
      <c r="C2953" s="3" t="s">
        <v>1153</v>
      </c>
    </row>
    <row r="2954" spans="1:3" ht="27" x14ac:dyDescent="0.15">
      <c r="A2954" s="3">
        <v>2011413788</v>
      </c>
      <c r="B2954" s="4" t="s">
        <v>5688</v>
      </c>
      <c r="C2954" s="3" t="s">
        <v>5689</v>
      </c>
    </row>
    <row r="2955" spans="1:3" ht="27" x14ac:dyDescent="0.15">
      <c r="A2955" s="3">
        <v>2011413798</v>
      </c>
      <c r="B2955" s="4" t="s">
        <v>5706</v>
      </c>
      <c r="C2955" s="3" t="s">
        <v>5707</v>
      </c>
    </row>
    <row r="2956" spans="1:3" ht="27" x14ac:dyDescent="0.15">
      <c r="A2956" s="3">
        <v>2011413800</v>
      </c>
      <c r="B2956" s="4" t="s">
        <v>5710</v>
      </c>
      <c r="C2956" s="3" t="s">
        <v>5711</v>
      </c>
    </row>
    <row r="2957" spans="1:3" ht="27" x14ac:dyDescent="0.15">
      <c r="A2957" s="3">
        <v>2011413801</v>
      </c>
      <c r="B2957" s="4" t="s">
        <v>5712</v>
      </c>
      <c r="C2957" s="3" t="s">
        <v>5711</v>
      </c>
    </row>
    <row r="2958" spans="1:3" ht="27" x14ac:dyDescent="0.15">
      <c r="A2958" s="3">
        <v>2011413802</v>
      </c>
      <c r="B2958" s="4" t="s">
        <v>5713</v>
      </c>
      <c r="C2958" s="3" t="s">
        <v>5711</v>
      </c>
    </row>
    <row r="2959" spans="1:3" ht="27" x14ac:dyDescent="0.15">
      <c r="A2959" s="3">
        <v>2011413803</v>
      </c>
      <c r="B2959" s="4" t="s">
        <v>5714</v>
      </c>
      <c r="C2959" s="3" t="s">
        <v>5711</v>
      </c>
    </row>
    <row r="2960" spans="1:3" ht="27" x14ac:dyDescent="0.15">
      <c r="A2960" s="3">
        <v>2011413804</v>
      </c>
      <c r="B2960" s="4" t="s">
        <v>5715</v>
      </c>
      <c r="C2960" s="3" t="s">
        <v>5711</v>
      </c>
    </row>
    <row r="2961" spans="1:3" ht="27" x14ac:dyDescent="0.15">
      <c r="A2961" s="3">
        <v>2011413805</v>
      </c>
      <c r="B2961" s="4" t="s">
        <v>5716</v>
      </c>
      <c r="C2961" s="3" t="s">
        <v>5711</v>
      </c>
    </row>
    <row r="2962" spans="1:3" ht="27" x14ac:dyDescent="0.15">
      <c r="A2962" s="3">
        <v>2011413806</v>
      </c>
      <c r="B2962" s="4" t="s">
        <v>5717</v>
      </c>
      <c r="C2962" s="3" t="s">
        <v>5711</v>
      </c>
    </row>
    <row r="2963" spans="1:3" ht="27" x14ac:dyDescent="0.15">
      <c r="A2963" s="3">
        <v>2011413807</v>
      </c>
      <c r="B2963" s="4" t="s">
        <v>5718</v>
      </c>
      <c r="C2963" s="3" t="s">
        <v>5711</v>
      </c>
    </row>
    <row r="2964" spans="1:3" ht="27" x14ac:dyDescent="0.15">
      <c r="A2964" s="3">
        <v>2011413871</v>
      </c>
      <c r="B2964" s="4" t="s">
        <v>5815</v>
      </c>
      <c r="C2964" s="3" t="s">
        <v>5816</v>
      </c>
    </row>
    <row r="2965" spans="1:3" x14ac:dyDescent="0.15">
      <c r="A2965" s="3">
        <v>2011413808</v>
      </c>
      <c r="B2965" s="4" t="s">
        <v>5719</v>
      </c>
      <c r="C2965" s="3" t="s">
        <v>5720</v>
      </c>
    </row>
    <row r="2966" spans="1:3" x14ac:dyDescent="0.15">
      <c r="A2966" s="3">
        <v>2011410059</v>
      </c>
      <c r="B2966" s="4" t="s">
        <v>1154</v>
      </c>
      <c r="C2966" s="3" t="s">
        <v>1155</v>
      </c>
    </row>
    <row r="2967" spans="1:3" x14ac:dyDescent="0.15">
      <c r="A2967" s="3">
        <v>2011410392</v>
      </c>
      <c r="B2967" s="4" t="s">
        <v>1575</v>
      </c>
      <c r="C2967" s="3" t="s">
        <v>1576</v>
      </c>
    </row>
    <row r="2968" spans="1:3" x14ac:dyDescent="0.15">
      <c r="A2968" s="3">
        <v>2011410393</v>
      </c>
      <c r="B2968" s="4" t="s">
        <v>1577</v>
      </c>
      <c r="C2968" s="3" t="s">
        <v>1576</v>
      </c>
    </row>
    <row r="2969" spans="1:3" ht="27" x14ac:dyDescent="0.15">
      <c r="A2969" s="3">
        <v>2011413833</v>
      </c>
      <c r="B2969" s="4" t="s">
        <v>5755</v>
      </c>
      <c r="C2969" s="3" t="s">
        <v>1576</v>
      </c>
    </row>
    <row r="2970" spans="1:3" ht="27" x14ac:dyDescent="0.15">
      <c r="A2970" s="3">
        <v>2011414368</v>
      </c>
      <c r="B2970" s="4" t="s">
        <v>6490</v>
      </c>
      <c r="C2970" s="3" t="s">
        <v>6491</v>
      </c>
    </row>
    <row r="2971" spans="1:3" ht="27" x14ac:dyDescent="0.15">
      <c r="A2971" s="3">
        <v>2011414503</v>
      </c>
      <c r="B2971" s="4" t="s">
        <v>6679</v>
      </c>
      <c r="C2971" s="3" t="s">
        <v>6680</v>
      </c>
    </row>
    <row r="2972" spans="1:3" x14ac:dyDescent="0.15">
      <c r="A2972" s="3">
        <v>2011410080</v>
      </c>
      <c r="B2972" s="4" t="s">
        <v>1189</v>
      </c>
      <c r="C2972" s="3" t="s">
        <v>1190</v>
      </c>
    </row>
    <row r="2973" spans="1:3" ht="27" x14ac:dyDescent="0.15">
      <c r="A2973" s="3">
        <v>2011413834</v>
      </c>
      <c r="B2973" s="4" t="s">
        <v>5756</v>
      </c>
      <c r="C2973" s="3" t="s">
        <v>1190</v>
      </c>
    </row>
    <row r="2974" spans="1:3" ht="27" x14ac:dyDescent="0.15">
      <c r="A2974" s="3">
        <v>2011413838</v>
      </c>
      <c r="B2974" s="4" t="s">
        <v>5762</v>
      </c>
      <c r="C2974" s="3" t="s">
        <v>5763</v>
      </c>
    </row>
    <row r="2975" spans="1:3" ht="27" x14ac:dyDescent="0.15">
      <c r="A2975" s="3">
        <v>2011413840</v>
      </c>
      <c r="B2975" s="4" t="s">
        <v>5766</v>
      </c>
      <c r="C2975" s="3" t="s">
        <v>5767</v>
      </c>
    </row>
    <row r="2976" spans="1:3" ht="27" x14ac:dyDescent="0.15">
      <c r="A2976" s="3">
        <v>2011413850</v>
      </c>
      <c r="B2976" s="4" t="s">
        <v>5781</v>
      </c>
      <c r="C2976" s="3" t="s">
        <v>5782</v>
      </c>
    </row>
    <row r="2977" spans="1:3" ht="27" x14ac:dyDescent="0.15">
      <c r="A2977" s="3">
        <v>2011413855</v>
      </c>
      <c r="B2977" s="4" t="s">
        <v>5787</v>
      </c>
      <c r="C2977" s="3" t="s">
        <v>5788</v>
      </c>
    </row>
    <row r="2978" spans="1:3" x14ac:dyDescent="0.15">
      <c r="A2978" s="3">
        <v>2011413876</v>
      </c>
      <c r="B2978" s="4" t="s">
        <v>5824</v>
      </c>
      <c r="C2978" s="3" t="s">
        <v>5825</v>
      </c>
    </row>
    <row r="2979" spans="1:3" ht="40.5" x14ac:dyDescent="0.15">
      <c r="A2979" s="3">
        <v>2011413334</v>
      </c>
      <c r="B2979" s="4" t="s">
        <v>5121</v>
      </c>
      <c r="C2979" s="3" t="s">
        <v>5122</v>
      </c>
    </row>
    <row r="2980" spans="1:3" ht="27" x14ac:dyDescent="0.15">
      <c r="A2980" s="3">
        <v>2011413856</v>
      </c>
      <c r="B2980" s="4" t="s">
        <v>5789</v>
      </c>
      <c r="C2980" s="3" t="s">
        <v>5122</v>
      </c>
    </row>
    <row r="2981" spans="1:3" ht="27" x14ac:dyDescent="0.15">
      <c r="A2981" s="3">
        <v>2011413857</v>
      </c>
      <c r="B2981" s="4" t="s">
        <v>5790</v>
      </c>
      <c r="C2981" s="3" t="s">
        <v>5122</v>
      </c>
    </row>
    <row r="2982" spans="1:3" x14ac:dyDescent="0.15">
      <c r="A2982" s="3">
        <v>2011414217</v>
      </c>
      <c r="B2982" s="4" t="s">
        <v>6298</v>
      </c>
      <c r="C2982" s="3" t="s">
        <v>5122</v>
      </c>
    </row>
    <row r="2983" spans="1:3" x14ac:dyDescent="0.15">
      <c r="A2983" s="3">
        <v>2011413877</v>
      </c>
      <c r="B2983" s="4" t="s">
        <v>5826</v>
      </c>
      <c r="C2983" s="3" t="s">
        <v>5827</v>
      </c>
    </row>
    <row r="2984" spans="1:3" ht="27" x14ac:dyDescent="0.15">
      <c r="A2984" s="3">
        <v>2011410490</v>
      </c>
      <c r="B2984" s="4" t="s">
        <v>1699</v>
      </c>
      <c r="C2984" s="3" t="s">
        <v>1700</v>
      </c>
    </row>
    <row r="2985" spans="1:3" ht="27" x14ac:dyDescent="0.15">
      <c r="A2985" s="3">
        <v>2011413861</v>
      </c>
      <c r="B2985" s="4" t="s">
        <v>5796</v>
      </c>
      <c r="C2985" s="3" t="s">
        <v>5797</v>
      </c>
    </row>
    <row r="2986" spans="1:3" x14ac:dyDescent="0.15">
      <c r="A2986" s="3">
        <v>2011413863</v>
      </c>
      <c r="B2986" s="4" t="s">
        <v>5800</v>
      </c>
      <c r="C2986" s="3" t="s">
        <v>5801</v>
      </c>
    </row>
    <row r="2987" spans="1:3" ht="27" x14ac:dyDescent="0.15">
      <c r="A2987" s="3">
        <v>2011413864</v>
      </c>
      <c r="B2987" s="4" t="s">
        <v>5802</v>
      </c>
      <c r="C2987" s="3" t="s">
        <v>5803</v>
      </c>
    </row>
    <row r="2988" spans="1:3" x14ac:dyDescent="0.15">
      <c r="A2988" s="3">
        <v>2011413896</v>
      </c>
      <c r="B2988" s="4" t="s">
        <v>5857</v>
      </c>
      <c r="C2988" s="3" t="s">
        <v>5858</v>
      </c>
    </row>
    <row r="2989" spans="1:3" ht="27" x14ac:dyDescent="0.15">
      <c r="A2989" s="3">
        <v>2011413897</v>
      </c>
      <c r="B2989" s="4" t="s">
        <v>5859</v>
      </c>
      <c r="C2989" s="3" t="s">
        <v>5858</v>
      </c>
    </row>
    <row r="2990" spans="1:3" x14ac:dyDescent="0.15">
      <c r="A2990" s="3">
        <v>2011413899</v>
      </c>
      <c r="B2990" s="4" t="s">
        <v>5862</v>
      </c>
      <c r="C2990" s="3" t="s">
        <v>5863</v>
      </c>
    </row>
    <row r="2991" spans="1:3" x14ac:dyDescent="0.15">
      <c r="A2991" s="3">
        <v>2011413919</v>
      </c>
      <c r="B2991" s="4" t="s">
        <v>5886</v>
      </c>
      <c r="C2991" s="3" t="s">
        <v>5863</v>
      </c>
    </row>
    <row r="2992" spans="1:3" ht="27" x14ac:dyDescent="0.15">
      <c r="A2992" s="3">
        <v>2011413898</v>
      </c>
      <c r="B2992" s="4" t="s">
        <v>5860</v>
      </c>
      <c r="C2992" s="3" t="s">
        <v>5861</v>
      </c>
    </row>
    <row r="2993" spans="1:3" x14ac:dyDescent="0.15">
      <c r="A2993" s="3">
        <v>2011413900</v>
      </c>
      <c r="B2993" s="4" t="s">
        <v>5864</v>
      </c>
      <c r="C2993" s="3" t="s">
        <v>5861</v>
      </c>
    </row>
    <row r="2994" spans="1:3" ht="27" x14ac:dyDescent="0.15">
      <c r="A2994" s="3">
        <v>2011413901</v>
      </c>
      <c r="B2994" s="4" t="s">
        <v>5865</v>
      </c>
      <c r="C2994" s="3" t="s">
        <v>5861</v>
      </c>
    </row>
    <row r="2995" spans="1:3" ht="27" x14ac:dyDescent="0.15">
      <c r="A2995" s="3">
        <v>2011413902</v>
      </c>
      <c r="B2995" s="4" t="s">
        <v>5866</v>
      </c>
      <c r="C2995" s="3" t="s">
        <v>5861</v>
      </c>
    </row>
    <row r="2996" spans="1:3" x14ac:dyDescent="0.15">
      <c r="A2996" s="3">
        <v>2011413903</v>
      </c>
      <c r="B2996" s="4" t="s">
        <v>5867</v>
      </c>
      <c r="C2996" s="3" t="s">
        <v>5868</v>
      </c>
    </row>
    <row r="2997" spans="1:3" ht="27" x14ac:dyDescent="0.15">
      <c r="A2997" s="3">
        <v>2011413917</v>
      </c>
      <c r="B2997" s="4" t="s">
        <v>5883</v>
      </c>
      <c r="C2997" s="3" t="s">
        <v>5884</v>
      </c>
    </row>
    <row r="2998" spans="1:3" x14ac:dyDescent="0.15">
      <c r="A2998" s="3">
        <v>2011410081</v>
      </c>
      <c r="B2998" s="4" t="s">
        <v>1191</v>
      </c>
      <c r="C2998" s="3" t="s">
        <v>1192</v>
      </c>
    </row>
    <row r="2999" spans="1:3" ht="27" x14ac:dyDescent="0.15">
      <c r="A2999" s="3">
        <v>2011414184</v>
      </c>
      <c r="B2999" s="4" t="s">
        <v>6246</v>
      </c>
      <c r="C2999" s="3" t="s">
        <v>6247</v>
      </c>
    </row>
    <row r="3000" spans="1:3" ht="27" x14ac:dyDescent="0.15">
      <c r="A3000" s="3">
        <v>2008400631</v>
      </c>
      <c r="B3000" s="4" t="s">
        <v>746</v>
      </c>
      <c r="C3000" s="3" t="s">
        <v>747</v>
      </c>
    </row>
    <row r="3001" spans="1:3" ht="27" x14ac:dyDescent="0.15">
      <c r="A3001" s="3">
        <v>2008400632</v>
      </c>
      <c r="B3001" s="4" t="s">
        <v>748</v>
      </c>
      <c r="C3001" s="3" t="s">
        <v>747</v>
      </c>
    </row>
    <row r="3002" spans="1:3" ht="27" x14ac:dyDescent="0.15">
      <c r="A3002" s="3">
        <v>2008400633</v>
      </c>
      <c r="B3002" s="4" t="s">
        <v>749</v>
      </c>
      <c r="C3002" s="3" t="s">
        <v>747</v>
      </c>
    </row>
    <row r="3003" spans="1:3" ht="27" x14ac:dyDescent="0.15">
      <c r="A3003" s="3">
        <v>2008400634</v>
      </c>
      <c r="B3003" s="4" t="s">
        <v>750</v>
      </c>
      <c r="C3003" s="3" t="s">
        <v>747</v>
      </c>
    </row>
    <row r="3004" spans="1:3" ht="27" x14ac:dyDescent="0.15">
      <c r="A3004" s="3">
        <v>2008400658</v>
      </c>
      <c r="B3004" s="4" t="s">
        <v>784</v>
      </c>
      <c r="C3004" s="3" t="s">
        <v>747</v>
      </c>
    </row>
    <row r="3005" spans="1:3" ht="27" x14ac:dyDescent="0.15">
      <c r="A3005" s="3">
        <v>2008400891</v>
      </c>
      <c r="B3005" s="4" t="s">
        <v>1039</v>
      </c>
      <c r="C3005" s="3" t="s">
        <v>747</v>
      </c>
    </row>
    <row r="3006" spans="1:3" ht="27" x14ac:dyDescent="0.15">
      <c r="A3006" s="3">
        <v>2008400892</v>
      </c>
      <c r="B3006" s="4" t="s">
        <v>1040</v>
      </c>
      <c r="C3006" s="3" t="s">
        <v>747</v>
      </c>
    </row>
    <row r="3007" spans="1:3" ht="27" x14ac:dyDescent="0.15">
      <c r="A3007" s="3">
        <v>2008400893</v>
      </c>
      <c r="B3007" s="4" t="s">
        <v>1041</v>
      </c>
      <c r="C3007" s="3" t="s">
        <v>747</v>
      </c>
    </row>
    <row r="3008" spans="1:3" ht="27" x14ac:dyDescent="0.15">
      <c r="A3008" s="3">
        <v>2008400894</v>
      </c>
      <c r="B3008" s="4" t="s">
        <v>1042</v>
      </c>
      <c r="C3008" s="3" t="s">
        <v>747</v>
      </c>
    </row>
    <row r="3009" spans="1:3" x14ac:dyDescent="0.15">
      <c r="A3009" s="3">
        <v>2008400910</v>
      </c>
      <c r="B3009" s="4" t="s">
        <v>1059</v>
      </c>
      <c r="C3009" s="3" t="s">
        <v>747</v>
      </c>
    </row>
    <row r="3010" spans="1:3" ht="27" x14ac:dyDescent="0.15">
      <c r="A3010" s="3">
        <v>2011413934</v>
      </c>
      <c r="B3010" s="4" t="s">
        <v>5906</v>
      </c>
      <c r="C3010" s="3" t="s">
        <v>747</v>
      </c>
    </row>
    <row r="3011" spans="1:3" x14ac:dyDescent="0.15">
      <c r="A3011" s="3">
        <v>2011413936</v>
      </c>
      <c r="B3011" s="4" t="s">
        <v>5909</v>
      </c>
      <c r="C3011" s="3" t="s">
        <v>747</v>
      </c>
    </row>
    <row r="3012" spans="1:3" ht="27" x14ac:dyDescent="0.15">
      <c r="A3012" s="3">
        <v>2011413938</v>
      </c>
      <c r="B3012" s="4" t="s">
        <v>5912</v>
      </c>
      <c r="C3012" s="3" t="s">
        <v>747</v>
      </c>
    </row>
    <row r="3013" spans="1:3" ht="27" x14ac:dyDescent="0.15">
      <c r="A3013" s="3">
        <v>2011413939</v>
      </c>
      <c r="B3013" s="4" t="s">
        <v>5913</v>
      </c>
      <c r="C3013" s="3" t="s">
        <v>747</v>
      </c>
    </row>
    <row r="3014" spans="1:3" x14ac:dyDescent="0.15">
      <c r="A3014" s="3">
        <v>2011413940</v>
      </c>
      <c r="B3014" s="4" t="s">
        <v>5914</v>
      </c>
      <c r="C3014" s="3" t="s">
        <v>747</v>
      </c>
    </row>
    <row r="3015" spans="1:3" ht="27" x14ac:dyDescent="0.15">
      <c r="A3015" s="3">
        <v>2011413941</v>
      </c>
      <c r="B3015" s="4" t="s">
        <v>5915</v>
      </c>
      <c r="C3015" s="3" t="s">
        <v>747</v>
      </c>
    </row>
    <row r="3016" spans="1:3" ht="27" x14ac:dyDescent="0.15">
      <c r="A3016" s="3">
        <v>2011413942</v>
      </c>
      <c r="B3016" s="4" t="s">
        <v>5916</v>
      </c>
      <c r="C3016" s="3" t="s">
        <v>747</v>
      </c>
    </row>
    <row r="3017" spans="1:3" ht="27" x14ac:dyDescent="0.15">
      <c r="A3017" s="3">
        <v>2011414199</v>
      </c>
      <c r="B3017" s="4" t="s">
        <v>6269</v>
      </c>
      <c r="C3017" s="3" t="s">
        <v>747</v>
      </c>
    </row>
    <row r="3018" spans="1:3" ht="27" x14ac:dyDescent="0.15">
      <c r="A3018" s="3">
        <v>2011414288</v>
      </c>
      <c r="B3018" s="4" t="s">
        <v>6400</v>
      </c>
      <c r="C3018" s="3" t="s">
        <v>747</v>
      </c>
    </row>
    <row r="3019" spans="1:3" ht="27" x14ac:dyDescent="0.15">
      <c r="A3019" s="3">
        <v>2011413932</v>
      </c>
      <c r="B3019" s="4" t="s">
        <v>5902</v>
      </c>
      <c r="C3019" s="3" t="s">
        <v>5903</v>
      </c>
    </row>
    <row r="3020" spans="1:3" ht="27" x14ac:dyDescent="0.15">
      <c r="A3020" s="3">
        <v>2011413933</v>
      </c>
      <c r="B3020" s="4" t="s">
        <v>5904</v>
      </c>
      <c r="C3020" s="3" t="s">
        <v>5905</v>
      </c>
    </row>
    <row r="3021" spans="1:3" ht="27" x14ac:dyDescent="0.15">
      <c r="A3021" s="3">
        <v>2011413937</v>
      </c>
      <c r="B3021" s="4" t="s">
        <v>5910</v>
      </c>
      <c r="C3021" s="3" t="s">
        <v>5911</v>
      </c>
    </row>
    <row r="3022" spans="1:3" ht="27" x14ac:dyDescent="0.15">
      <c r="A3022" s="3">
        <v>2011413948</v>
      </c>
      <c r="B3022" s="4" t="s">
        <v>5926</v>
      </c>
      <c r="C3022" s="3" t="s">
        <v>5911</v>
      </c>
    </row>
    <row r="3023" spans="1:3" ht="27" x14ac:dyDescent="0.15">
      <c r="A3023" s="3">
        <v>2011412905</v>
      </c>
      <c r="B3023" s="4" t="s">
        <v>4579</v>
      </c>
      <c r="C3023" s="3" t="s">
        <v>4580</v>
      </c>
    </row>
    <row r="3024" spans="1:3" ht="27" x14ac:dyDescent="0.15">
      <c r="A3024" s="3">
        <v>2008400636</v>
      </c>
      <c r="B3024" s="4" t="s">
        <v>753</v>
      </c>
      <c r="C3024" s="3" t="s">
        <v>754</v>
      </c>
    </row>
    <row r="3025" spans="1:3" x14ac:dyDescent="0.15">
      <c r="A3025" s="3">
        <v>2011413951</v>
      </c>
      <c r="B3025" s="4" t="s">
        <v>5929</v>
      </c>
      <c r="C3025" s="3" t="s">
        <v>5930</v>
      </c>
    </row>
    <row r="3026" spans="1:3" ht="27" x14ac:dyDescent="0.15">
      <c r="A3026" s="3">
        <v>2011413952</v>
      </c>
      <c r="B3026" s="4" t="s">
        <v>5931</v>
      </c>
      <c r="C3026" s="3" t="s">
        <v>5930</v>
      </c>
    </row>
    <row r="3027" spans="1:3" ht="27" x14ac:dyDescent="0.15">
      <c r="A3027" s="3">
        <v>2011413954</v>
      </c>
      <c r="B3027" s="4" t="s">
        <v>5934</v>
      </c>
      <c r="C3027" s="3" t="s">
        <v>5930</v>
      </c>
    </row>
    <row r="3028" spans="1:3" ht="27" x14ac:dyDescent="0.15">
      <c r="A3028" s="3">
        <v>2011413955</v>
      </c>
      <c r="B3028" s="4" t="s">
        <v>5935</v>
      </c>
      <c r="C3028" s="3" t="s">
        <v>5930</v>
      </c>
    </row>
    <row r="3029" spans="1:3" ht="27" x14ac:dyDescent="0.15">
      <c r="A3029" s="3">
        <v>2011413956</v>
      </c>
      <c r="B3029" s="4" t="s">
        <v>5936</v>
      </c>
      <c r="C3029" s="3" t="s">
        <v>5930</v>
      </c>
    </row>
    <row r="3030" spans="1:3" ht="27" x14ac:dyDescent="0.15">
      <c r="A3030" s="3">
        <v>2011413970</v>
      </c>
      <c r="B3030" s="4" t="s">
        <v>5956</v>
      </c>
      <c r="C3030" s="3" t="s">
        <v>5930</v>
      </c>
    </row>
    <row r="3031" spans="1:3" x14ac:dyDescent="0.15">
      <c r="A3031" s="3">
        <v>2011414080</v>
      </c>
      <c r="B3031" s="4" t="s">
        <v>6090</v>
      </c>
      <c r="C3031" s="3" t="s">
        <v>5930</v>
      </c>
    </row>
    <row r="3032" spans="1:3" ht="40.5" x14ac:dyDescent="0.15">
      <c r="A3032" s="3">
        <v>2011413958</v>
      </c>
      <c r="B3032" s="4" t="s">
        <v>5938</v>
      </c>
      <c r="C3032" s="3" t="s">
        <v>5939</v>
      </c>
    </row>
    <row r="3033" spans="1:3" ht="40.5" x14ac:dyDescent="0.15">
      <c r="A3033" s="3">
        <v>2011413959</v>
      </c>
      <c r="B3033" s="4" t="s">
        <v>5940</v>
      </c>
      <c r="C3033" s="3" t="s">
        <v>5939</v>
      </c>
    </row>
    <row r="3034" spans="1:3" ht="27" x14ac:dyDescent="0.15">
      <c r="A3034" s="3">
        <v>2011413960</v>
      </c>
      <c r="B3034" s="4" t="s">
        <v>5941</v>
      </c>
      <c r="C3034" s="3" t="s">
        <v>5939</v>
      </c>
    </row>
    <row r="3035" spans="1:3" x14ac:dyDescent="0.15">
      <c r="A3035" s="3">
        <v>2011414077</v>
      </c>
      <c r="B3035" s="4" t="s">
        <v>6086</v>
      </c>
      <c r="C3035" s="3" t="s">
        <v>6087</v>
      </c>
    </row>
    <row r="3036" spans="1:3" x14ac:dyDescent="0.15">
      <c r="A3036" s="3">
        <v>2011414078</v>
      </c>
      <c r="B3036" s="4" t="s">
        <v>6088</v>
      </c>
      <c r="C3036" s="3" t="s">
        <v>6087</v>
      </c>
    </row>
    <row r="3037" spans="1:3" ht="27" x14ac:dyDescent="0.15">
      <c r="A3037" s="3">
        <v>2011413977</v>
      </c>
      <c r="B3037" s="4" t="s">
        <v>5964</v>
      </c>
      <c r="C3037" s="3" t="s">
        <v>5965</v>
      </c>
    </row>
    <row r="3038" spans="1:3" ht="27" x14ac:dyDescent="0.15">
      <c r="A3038" s="3">
        <v>2011413978</v>
      </c>
      <c r="B3038" s="4" t="s">
        <v>5966</v>
      </c>
      <c r="C3038" s="3" t="s">
        <v>5965</v>
      </c>
    </row>
    <row r="3039" spans="1:3" ht="27" x14ac:dyDescent="0.15">
      <c r="A3039" s="3">
        <v>2011413979</v>
      </c>
      <c r="B3039" s="4" t="s">
        <v>5967</v>
      </c>
      <c r="C3039" s="3" t="s">
        <v>5968</v>
      </c>
    </row>
    <row r="3040" spans="1:3" ht="27" x14ac:dyDescent="0.15">
      <c r="A3040" s="3">
        <v>2011413980</v>
      </c>
      <c r="B3040" s="4" t="s">
        <v>5969</v>
      </c>
      <c r="C3040" s="3" t="s">
        <v>5968</v>
      </c>
    </row>
    <row r="3041" spans="1:3" ht="27" x14ac:dyDescent="0.15">
      <c r="A3041" s="3">
        <v>2011413981</v>
      </c>
      <c r="B3041" s="4" t="s">
        <v>5970</v>
      </c>
      <c r="C3041" s="3" t="s">
        <v>5968</v>
      </c>
    </row>
    <row r="3042" spans="1:3" ht="27" x14ac:dyDescent="0.15">
      <c r="A3042" s="3">
        <v>2011414082</v>
      </c>
      <c r="B3042" s="4" t="s">
        <v>6093</v>
      </c>
      <c r="C3042" s="3" t="s">
        <v>5968</v>
      </c>
    </row>
    <row r="3043" spans="1:3" x14ac:dyDescent="0.15">
      <c r="A3043" s="3">
        <v>2011413982</v>
      </c>
      <c r="B3043" s="4" t="s">
        <v>5971</v>
      </c>
      <c r="C3043" s="3" t="s">
        <v>5972</v>
      </c>
    </row>
    <row r="3044" spans="1:3" ht="27" x14ac:dyDescent="0.15">
      <c r="A3044" s="3">
        <v>2011413989</v>
      </c>
      <c r="B3044" s="4" t="s">
        <v>5979</v>
      </c>
      <c r="C3044" s="3" t="s">
        <v>5980</v>
      </c>
    </row>
    <row r="3045" spans="1:3" ht="27" x14ac:dyDescent="0.15">
      <c r="A3045" s="3">
        <v>2011413990</v>
      </c>
      <c r="B3045" s="4" t="s">
        <v>5981</v>
      </c>
      <c r="C3045" s="3" t="s">
        <v>5980</v>
      </c>
    </row>
    <row r="3046" spans="1:3" x14ac:dyDescent="0.15">
      <c r="A3046" s="3">
        <v>2011410182</v>
      </c>
      <c r="B3046" s="4" t="s">
        <v>1321</v>
      </c>
      <c r="C3046" s="3" t="s">
        <v>1322</v>
      </c>
    </row>
    <row r="3047" spans="1:3" ht="27" x14ac:dyDescent="0.15">
      <c r="A3047" s="3">
        <v>2011413984</v>
      </c>
      <c r="B3047" s="4" t="s">
        <v>5975</v>
      </c>
      <c r="C3047" s="3" t="s">
        <v>1322</v>
      </c>
    </row>
    <row r="3048" spans="1:3" ht="27" x14ac:dyDescent="0.15">
      <c r="A3048" s="3">
        <v>2011413985</v>
      </c>
      <c r="B3048" s="4" t="s">
        <v>5975</v>
      </c>
      <c r="C3048" s="3" t="s">
        <v>1322</v>
      </c>
    </row>
    <row r="3049" spans="1:3" ht="27" x14ac:dyDescent="0.15">
      <c r="A3049" s="3">
        <v>2011413986</v>
      </c>
      <c r="B3049" s="4" t="s">
        <v>5976</v>
      </c>
      <c r="C3049" s="3" t="s">
        <v>1322</v>
      </c>
    </row>
    <row r="3050" spans="1:3" ht="27" x14ac:dyDescent="0.15">
      <c r="A3050" s="3">
        <v>2011413987</v>
      </c>
      <c r="B3050" s="4" t="s">
        <v>5977</v>
      </c>
      <c r="C3050" s="3" t="s">
        <v>1322</v>
      </c>
    </row>
    <row r="3051" spans="1:3" ht="27" x14ac:dyDescent="0.15">
      <c r="A3051" s="3">
        <v>2011413988</v>
      </c>
      <c r="B3051" s="4" t="s">
        <v>5978</v>
      </c>
      <c r="C3051" s="3" t="s">
        <v>1322</v>
      </c>
    </row>
    <row r="3052" spans="1:3" x14ac:dyDescent="0.15">
      <c r="A3052" s="3">
        <v>2011413994</v>
      </c>
      <c r="B3052" s="4" t="s">
        <v>5986</v>
      </c>
      <c r="C3052" s="3" t="s">
        <v>5987</v>
      </c>
    </row>
    <row r="3053" spans="1:3" ht="27" x14ac:dyDescent="0.15">
      <c r="A3053" s="3">
        <v>2011413995</v>
      </c>
      <c r="B3053" s="4" t="s">
        <v>5988</v>
      </c>
      <c r="C3053" s="3" t="s">
        <v>5987</v>
      </c>
    </row>
    <row r="3054" spans="1:3" ht="27" x14ac:dyDescent="0.15">
      <c r="A3054" s="3">
        <v>2011413996</v>
      </c>
      <c r="B3054" s="4" t="s">
        <v>5989</v>
      </c>
      <c r="C3054" s="3" t="s">
        <v>5987</v>
      </c>
    </row>
    <row r="3055" spans="1:3" x14ac:dyDescent="0.15">
      <c r="A3055" s="3">
        <v>2011414084</v>
      </c>
      <c r="B3055" s="4" t="s">
        <v>6096</v>
      </c>
      <c r="C3055" s="3" t="s">
        <v>5987</v>
      </c>
    </row>
    <row r="3056" spans="1:3" x14ac:dyDescent="0.15">
      <c r="A3056" s="3">
        <v>2011414085</v>
      </c>
      <c r="B3056" s="4" t="s">
        <v>6097</v>
      </c>
      <c r="C3056" s="3" t="s">
        <v>5987</v>
      </c>
    </row>
    <row r="3057" spans="1:3" ht="27" x14ac:dyDescent="0.15">
      <c r="A3057" s="3">
        <v>2008400641</v>
      </c>
      <c r="B3057" s="4" t="s">
        <v>760</v>
      </c>
      <c r="C3057" s="3" t="s">
        <v>761</v>
      </c>
    </row>
    <row r="3058" spans="1:3" ht="27" x14ac:dyDescent="0.15">
      <c r="A3058" s="3">
        <v>2011414009</v>
      </c>
      <c r="B3058" s="4" t="s">
        <v>6004</v>
      </c>
      <c r="C3058" s="3" t="s">
        <v>761</v>
      </c>
    </row>
    <row r="3059" spans="1:3" ht="27" x14ac:dyDescent="0.15">
      <c r="A3059" s="3">
        <v>2011414010</v>
      </c>
      <c r="B3059" s="4" t="s">
        <v>6005</v>
      </c>
      <c r="C3059" s="3" t="s">
        <v>761</v>
      </c>
    </row>
    <row r="3060" spans="1:3" ht="27" x14ac:dyDescent="0.15">
      <c r="A3060" s="3">
        <v>2011414014</v>
      </c>
      <c r="B3060" s="4" t="s">
        <v>6010</v>
      </c>
      <c r="C3060" s="3" t="s">
        <v>6011</v>
      </c>
    </row>
    <row r="3061" spans="1:3" x14ac:dyDescent="0.15">
      <c r="A3061" s="3">
        <v>2011414088</v>
      </c>
      <c r="B3061" s="4" t="s">
        <v>6102</v>
      </c>
      <c r="C3061" s="3" t="s">
        <v>6103</v>
      </c>
    </row>
    <row r="3062" spans="1:3" x14ac:dyDescent="0.15">
      <c r="A3062" s="3">
        <v>2011414134</v>
      </c>
      <c r="B3062" s="4" t="s">
        <v>6178</v>
      </c>
      <c r="C3062" s="3" t="s">
        <v>6103</v>
      </c>
    </row>
    <row r="3063" spans="1:3" x14ac:dyDescent="0.15">
      <c r="A3063" s="3">
        <v>2011414135</v>
      </c>
      <c r="B3063" s="4" t="s">
        <v>6179</v>
      </c>
      <c r="C3063" s="3" t="s">
        <v>6103</v>
      </c>
    </row>
    <row r="3064" spans="1:3" ht="27" x14ac:dyDescent="0.15">
      <c r="A3064" s="3">
        <v>2011414017</v>
      </c>
      <c r="B3064" s="4" t="s">
        <v>6016</v>
      </c>
      <c r="C3064" s="3" t="s">
        <v>6017</v>
      </c>
    </row>
    <row r="3065" spans="1:3" ht="27" x14ac:dyDescent="0.15">
      <c r="A3065" s="3">
        <v>2011414018</v>
      </c>
      <c r="B3065" s="4" t="s">
        <v>6016</v>
      </c>
      <c r="C3065" s="3" t="s">
        <v>6017</v>
      </c>
    </row>
    <row r="3066" spans="1:3" ht="27" x14ac:dyDescent="0.15">
      <c r="A3066" s="3">
        <v>2011414021</v>
      </c>
      <c r="B3066" s="4" t="s">
        <v>6022</v>
      </c>
      <c r="C3066" s="3" t="s">
        <v>6023</v>
      </c>
    </row>
    <row r="3067" spans="1:3" ht="27" x14ac:dyDescent="0.15">
      <c r="A3067" s="3">
        <v>2011414023</v>
      </c>
      <c r="B3067" s="4" t="s">
        <v>6026</v>
      </c>
      <c r="C3067" s="3" t="s">
        <v>6023</v>
      </c>
    </row>
    <row r="3068" spans="1:3" ht="27" x14ac:dyDescent="0.15">
      <c r="A3068" s="3">
        <v>2011414024</v>
      </c>
      <c r="B3068" s="4" t="s">
        <v>6026</v>
      </c>
      <c r="C3068" s="3" t="s">
        <v>6023</v>
      </c>
    </row>
    <row r="3069" spans="1:3" ht="27" x14ac:dyDescent="0.15">
      <c r="A3069" s="3">
        <v>2011414025</v>
      </c>
      <c r="B3069" s="4" t="s">
        <v>6027</v>
      </c>
      <c r="C3069" s="3" t="s">
        <v>6023</v>
      </c>
    </row>
    <row r="3070" spans="1:3" ht="27" x14ac:dyDescent="0.15">
      <c r="A3070" s="3">
        <v>2011414026</v>
      </c>
      <c r="B3070" s="4" t="s">
        <v>6028</v>
      </c>
      <c r="C3070" s="3" t="s">
        <v>6023</v>
      </c>
    </row>
    <row r="3071" spans="1:3" x14ac:dyDescent="0.15">
      <c r="A3071" s="3">
        <v>2011414027</v>
      </c>
      <c r="B3071" s="4" t="s">
        <v>6029</v>
      </c>
      <c r="C3071" s="3" t="s">
        <v>6023</v>
      </c>
    </row>
    <row r="3072" spans="1:3" x14ac:dyDescent="0.15">
      <c r="A3072" s="3">
        <v>2011414028</v>
      </c>
      <c r="B3072" s="4" t="s">
        <v>6030</v>
      </c>
      <c r="C3072" s="3" t="s">
        <v>6023</v>
      </c>
    </row>
    <row r="3073" spans="1:3" ht="27" x14ac:dyDescent="0.15">
      <c r="A3073" s="3">
        <v>2011414029</v>
      </c>
      <c r="B3073" s="4" t="s">
        <v>6031</v>
      </c>
      <c r="C3073" s="3" t="s">
        <v>6023</v>
      </c>
    </row>
    <row r="3074" spans="1:3" x14ac:dyDescent="0.15">
      <c r="A3074" s="3">
        <v>2011414136</v>
      </c>
      <c r="B3074" s="4" t="s">
        <v>6180</v>
      </c>
      <c r="C3074" s="3" t="s">
        <v>6023</v>
      </c>
    </row>
    <row r="3075" spans="1:3" ht="27" x14ac:dyDescent="0.15">
      <c r="A3075" s="3">
        <v>2011414137</v>
      </c>
      <c r="B3075" s="4" t="s">
        <v>6181</v>
      </c>
      <c r="C3075" s="3" t="s">
        <v>6023</v>
      </c>
    </row>
    <row r="3076" spans="1:3" x14ac:dyDescent="0.15">
      <c r="A3076" s="3">
        <v>2011414035</v>
      </c>
      <c r="B3076" s="4" t="s">
        <v>6037</v>
      </c>
      <c r="C3076" s="3" t="s">
        <v>6038</v>
      </c>
    </row>
    <row r="3077" spans="1:3" ht="27" x14ac:dyDescent="0.15">
      <c r="A3077" s="3">
        <v>2011414038</v>
      </c>
      <c r="B3077" s="4" t="s">
        <v>6042</v>
      </c>
      <c r="C3077" s="3" t="s">
        <v>6043</v>
      </c>
    </row>
    <row r="3078" spans="1:3" ht="27" x14ac:dyDescent="0.15">
      <c r="A3078" s="3">
        <v>2011414039</v>
      </c>
      <c r="B3078" s="4" t="s">
        <v>6044</v>
      </c>
      <c r="C3078" s="3" t="s">
        <v>6043</v>
      </c>
    </row>
    <row r="3079" spans="1:3" ht="27" x14ac:dyDescent="0.15">
      <c r="A3079" s="3">
        <v>2011414043</v>
      </c>
      <c r="B3079" s="4" t="s">
        <v>6050</v>
      </c>
      <c r="C3079" s="3" t="s">
        <v>6051</v>
      </c>
    </row>
    <row r="3080" spans="1:3" ht="27" x14ac:dyDescent="0.15">
      <c r="A3080" s="3">
        <v>2011414254</v>
      </c>
      <c r="B3080" s="4" t="s">
        <v>6347</v>
      </c>
      <c r="C3080" s="3" t="s">
        <v>6348</v>
      </c>
    </row>
    <row r="3081" spans="1:3" ht="27" x14ac:dyDescent="0.15">
      <c r="A3081" s="3">
        <v>2011414255</v>
      </c>
      <c r="B3081" s="4" t="s">
        <v>6349</v>
      </c>
      <c r="C3081" s="3" t="s">
        <v>6350</v>
      </c>
    </row>
    <row r="3082" spans="1:3" x14ac:dyDescent="0.15">
      <c r="A3082" s="3">
        <v>2011414046</v>
      </c>
      <c r="B3082" s="4" t="s">
        <v>6056</v>
      </c>
      <c r="C3082" s="3" t="s">
        <v>6057</v>
      </c>
    </row>
    <row r="3083" spans="1:3" x14ac:dyDescent="0.15">
      <c r="A3083" s="3">
        <v>2011414047</v>
      </c>
      <c r="B3083" s="4" t="s">
        <v>6058</v>
      </c>
      <c r="C3083" s="3" t="s">
        <v>6057</v>
      </c>
    </row>
    <row r="3084" spans="1:3" ht="27" x14ac:dyDescent="0.15">
      <c r="A3084" s="3">
        <v>2011414552</v>
      </c>
      <c r="B3084" s="4" t="s">
        <v>6746</v>
      </c>
      <c r="C3084" s="3" t="s">
        <v>6747</v>
      </c>
    </row>
    <row r="3085" spans="1:3" ht="27" x14ac:dyDescent="0.15">
      <c r="A3085" s="3">
        <v>2008400643</v>
      </c>
      <c r="B3085" s="4" t="s">
        <v>764</v>
      </c>
      <c r="C3085" s="3" t="s">
        <v>765</v>
      </c>
    </row>
    <row r="3086" spans="1:3" ht="27" x14ac:dyDescent="0.15">
      <c r="A3086" s="3">
        <v>2008400644</v>
      </c>
      <c r="B3086" s="4" t="s">
        <v>766</v>
      </c>
      <c r="C3086" s="3" t="s">
        <v>765</v>
      </c>
    </row>
    <row r="3087" spans="1:3" ht="27" x14ac:dyDescent="0.15">
      <c r="A3087" s="3">
        <v>2008400646</v>
      </c>
      <c r="B3087" s="4" t="s">
        <v>768</v>
      </c>
      <c r="C3087" s="3" t="s">
        <v>765</v>
      </c>
    </row>
    <row r="3088" spans="1:3" ht="27" x14ac:dyDescent="0.15">
      <c r="A3088" s="3">
        <v>2008400647</v>
      </c>
      <c r="B3088" s="4" t="s">
        <v>769</v>
      </c>
      <c r="C3088" s="3" t="s">
        <v>765</v>
      </c>
    </row>
    <row r="3089" spans="1:3" ht="27" x14ac:dyDescent="0.15">
      <c r="A3089" s="3">
        <v>2008400661</v>
      </c>
      <c r="B3089" s="4" t="s">
        <v>788</v>
      </c>
      <c r="C3089" s="3" t="s">
        <v>765</v>
      </c>
    </row>
    <row r="3090" spans="1:3" ht="27" x14ac:dyDescent="0.15">
      <c r="A3090" s="3">
        <v>2008400663</v>
      </c>
      <c r="B3090" s="4" t="s">
        <v>790</v>
      </c>
      <c r="C3090" s="3" t="s">
        <v>765</v>
      </c>
    </row>
    <row r="3091" spans="1:3" ht="27" x14ac:dyDescent="0.15">
      <c r="A3091" s="3">
        <v>2008400664</v>
      </c>
      <c r="B3091" s="4" t="s">
        <v>791</v>
      </c>
      <c r="C3091" s="3" t="s">
        <v>765</v>
      </c>
    </row>
    <row r="3092" spans="1:3" ht="27" x14ac:dyDescent="0.15">
      <c r="A3092" s="3">
        <v>2011414054</v>
      </c>
      <c r="B3092" s="4" t="s">
        <v>788</v>
      </c>
      <c r="C3092" s="3" t="s">
        <v>765</v>
      </c>
    </row>
    <row r="3093" spans="1:3" ht="27" x14ac:dyDescent="0.15">
      <c r="A3093" s="3">
        <v>2011414055</v>
      </c>
      <c r="B3093" s="4" t="s">
        <v>788</v>
      </c>
      <c r="C3093" s="3" t="s">
        <v>765</v>
      </c>
    </row>
    <row r="3094" spans="1:3" ht="27" x14ac:dyDescent="0.15">
      <c r="A3094" s="3">
        <v>2011414056</v>
      </c>
      <c r="B3094" s="4" t="s">
        <v>6066</v>
      </c>
      <c r="C3094" s="3" t="s">
        <v>765</v>
      </c>
    </row>
    <row r="3095" spans="1:3" ht="27" x14ac:dyDescent="0.15">
      <c r="A3095" s="3">
        <v>2011414058</v>
      </c>
      <c r="B3095" s="4" t="s">
        <v>6067</v>
      </c>
      <c r="C3095" s="3" t="s">
        <v>765</v>
      </c>
    </row>
    <row r="3096" spans="1:3" ht="27" x14ac:dyDescent="0.15">
      <c r="A3096" s="3">
        <v>2011414059</v>
      </c>
      <c r="B3096" s="4" t="s">
        <v>769</v>
      </c>
      <c r="C3096" s="3" t="s">
        <v>765</v>
      </c>
    </row>
    <row r="3097" spans="1:3" ht="27" x14ac:dyDescent="0.15">
      <c r="A3097" s="3">
        <v>2011414060</v>
      </c>
      <c r="B3097" s="4" t="s">
        <v>791</v>
      </c>
      <c r="C3097" s="3" t="s">
        <v>765</v>
      </c>
    </row>
    <row r="3098" spans="1:3" ht="27" x14ac:dyDescent="0.15">
      <c r="A3098" s="3">
        <v>2011414061</v>
      </c>
      <c r="B3098" s="4" t="s">
        <v>790</v>
      </c>
      <c r="C3098" s="3" t="s">
        <v>765</v>
      </c>
    </row>
    <row r="3099" spans="1:3" ht="27" x14ac:dyDescent="0.15">
      <c r="A3099" s="3">
        <v>2011414148</v>
      </c>
      <c r="B3099" s="4" t="s">
        <v>6193</v>
      </c>
      <c r="C3099" s="3" t="s">
        <v>765</v>
      </c>
    </row>
    <row r="3100" spans="1:3" ht="27" x14ac:dyDescent="0.15">
      <c r="A3100" s="3">
        <v>2011414149</v>
      </c>
      <c r="B3100" s="4" t="s">
        <v>6194</v>
      </c>
      <c r="C3100" s="3" t="s">
        <v>765</v>
      </c>
    </row>
    <row r="3101" spans="1:3" ht="40.5" x14ac:dyDescent="0.15">
      <c r="A3101" s="3">
        <v>2011414150</v>
      </c>
      <c r="B3101" s="4" t="s">
        <v>6195</v>
      </c>
      <c r="C3101" s="3" t="s">
        <v>765</v>
      </c>
    </row>
    <row r="3102" spans="1:3" ht="27" x14ac:dyDescent="0.15">
      <c r="A3102" s="3">
        <v>2011414151</v>
      </c>
      <c r="B3102" s="4" t="s">
        <v>6196</v>
      </c>
      <c r="C3102" s="3" t="s">
        <v>765</v>
      </c>
    </row>
    <row r="3103" spans="1:3" ht="40.5" x14ac:dyDescent="0.15">
      <c r="A3103" s="3">
        <v>2011414152</v>
      </c>
      <c r="B3103" s="4" t="s">
        <v>6197</v>
      </c>
      <c r="C3103" s="3" t="s">
        <v>765</v>
      </c>
    </row>
    <row r="3104" spans="1:3" ht="27" x14ac:dyDescent="0.15">
      <c r="A3104" s="3">
        <v>2011414153</v>
      </c>
      <c r="B3104" s="4" t="s">
        <v>6198</v>
      </c>
      <c r="C3104" s="3" t="s">
        <v>765</v>
      </c>
    </row>
    <row r="3105" spans="1:3" x14ac:dyDescent="0.15">
      <c r="A3105" s="3">
        <v>2011414222</v>
      </c>
      <c r="B3105" s="4" t="s">
        <v>6306</v>
      </c>
      <c r="C3105" s="3" t="s">
        <v>765</v>
      </c>
    </row>
    <row r="3106" spans="1:3" ht="27" x14ac:dyDescent="0.15">
      <c r="A3106" s="3">
        <v>2011414062</v>
      </c>
      <c r="B3106" s="4" t="s">
        <v>6068</v>
      </c>
      <c r="C3106" s="3" t="s">
        <v>6069</v>
      </c>
    </row>
    <row r="3107" spans="1:3" ht="27" x14ac:dyDescent="0.15">
      <c r="A3107" s="3">
        <v>2011414064</v>
      </c>
      <c r="B3107" s="4" t="s">
        <v>6071</v>
      </c>
      <c r="C3107" s="3" t="s">
        <v>6072</v>
      </c>
    </row>
    <row r="3108" spans="1:3" ht="27" x14ac:dyDescent="0.15">
      <c r="A3108" s="3">
        <v>2011414065</v>
      </c>
      <c r="B3108" s="4" t="s">
        <v>6073</v>
      </c>
      <c r="C3108" s="3" t="s">
        <v>6072</v>
      </c>
    </row>
    <row r="3109" spans="1:3" ht="27" x14ac:dyDescent="0.15">
      <c r="A3109" s="3">
        <v>2011414066</v>
      </c>
      <c r="B3109" s="4" t="s">
        <v>6074</v>
      </c>
      <c r="C3109" s="3" t="s">
        <v>6072</v>
      </c>
    </row>
    <row r="3110" spans="1:3" x14ac:dyDescent="0.15">
      <c r="A3110" s="3">
        <v>2008400650</v>
      </c>
      <c r="B3110" s="4" t="s">
        <v>773</v>
      </c>
      <c r="C3110" s="3" t="s">
        <v>774</v>
      </c>
    </row>
    <row r="3111" spans="1:3" ht="27" x14ac:dyDescent="0.15">
      <c r="A3111" s="3">
        <v>2011414099</v>
      </c>
      <c r="B3111" s="4" t="s">
        <v>6123</v>
      </c>
      <c r="C3111" s="3" t="s">
        <v>6124</v>
      </c>
    </row>
    <row r="3112" spans="1:3" ht="27" x14ac:dyDescent="0.15">
      <c r="A3112" s="3">
        <v>2011414094</v>
      </c>
      <c r="B3112" s="4" t="s">
        <v>6113</v>
      </c>
      <c r="C3112" s="3" t="s">
        <v>6114</v>
      </c>
    </row>
    <row r="3113" spans="1:3" ht="27" x14ac:dyDescent="0.15">
      <c r="A3113" s="3">
        <v>2008400073</v>
      </c>
      <c r="B3113" s="4" t="s">
        <v>98</v>
      </c>
      <c r="C3113" s="3" t="s">
        <v>99</v>
      </c>
    </row>
    <row r="3114" spans="1:3" ht="27" x14ac:dyDescent="0.15">
      <c r="A3114" s="3">
        <v>2008400497</v>
      </c>
      <c r="B3114" s="4" t="s">
        <v>594</v>
      </c>
      <c r="C3114" s="3" t="s">
        <v>595</v>
      </c>
    </row>
    <row r="3115" spans="1:3" ht="27" x14ac:dyDescent="0.15">
      <c r="A3115" s="3">
        <v>2011410344</v>
      </c>
      <c r="B3115" s="4" t="s">
        <v>1524</v>
      </c>
      <c r="C3115" s="3" t="s">
        <v>1525</v>
      </c>
    </row>
    <row r="3116" spans="1:3" ht="27" x14ac:dyDescent="0.15">
      <c r="A3116" s="3">
        <v>2011412640</v>
      </c>
      <c r="B3116" s="4" t="s">
        <v>4286</v>
      </c>
      <c r="C3116" s="3" t="s">
        <v>4287</v>
      </c>
    </row>
    <row r="3117" spans="1:3" ht="27" x14ac:dyDescent="0.15">
      <c r="A3117" s="3">
        <v>2011410107</v>
      </c>
      <c r="B3117" s="4" t="s">
        <v>1225</v>
      </c>
      <c r="C3117" s="3" t="s">
        <v>1226</v>
      </c>
    </row>
    <row r="3118" spans="1:3" ht="40.5" x14ac:dyDescent="0.15">
      <c r="A3118" s="3">
        <v>2011410064</v>
      </c>
      <c r="B3118" s="4" t="s">
        <v>1163</v>
      </c>
      <c r="C3118" s="3" t="s">
        <v>1164</v>
      </c>
    </row>
    <row r="3119" spans="1:3" x14ac:dyDescent="0.15">
      <c r="A3119" s="3">
        <v>2011410621</v>
      </c>
      <c r="B3119" s="4" t="s">
        <v>1873</v>
      </c>
      <c r="C3119" s="3" t="s">
        <v>1874</v>
      </c>
    </row>
    <row r="3120" spans="1:3" ht="27" x14ac:dyDescent="0.15">
      <c r="A3120" s="3">
        <v>2011411958</v>
      </c>
      <c r="B3120" s="4" t="s">
        <v>3461</v>
      </c>
      <c r="C3120" s="3" t="s">
        <v>3462</v>
      </c>
    </row>
    <row r="3121" spans="1:3" ht="27" x14ac:dyDescent="0.15">
      <c r="A3121" s="3">
        <v>2011411965</v>
      </c>
      <c r="B3121" s="4" t="s">
        <v>3471</v>
      </c>
      <c r="C3121" s="3" t="s">
        <v>3462</v>
      </c>
    </row>
    <row r="3122" spans="1:3" ht="54" x14ac:dyDescent="0.15">
      <c r="A3122" s="3">
        <v>2011412984</v>
      </c>
      <c r="B3122" s="4" t="s">
        <v>4687</v>
      </c>
      <c r="C3122" s="3" t="s">
        <v>4688</v>
      </c>
    </row>
    <row r="3123" spans="1:3" ht="27" x14ac:dyDescent="0.15">
      <c r="A3123" s="3">
        <v>2008400390</v>
      </c>
      <c r="B3123" s="4" t="s">
        <v>466</v>
      </c>
      <c r="C3123" s="3" t="s">
        <v>467</v>
      </c>
    </row>
    <row r="3124" spans="1:3" ht="27" x14ac:dyDescent="0.15">
      <c r="A3124" s="3">
        <v>2011410079</v>
      </c>
      <c r="B3124" s="4" t="s">
        <v>1187</v>
      </c>
      <c r="C3124" s="3" t="s">
        <v>1188</v>
      </c>
    </row>
    <row r="3125" spans="1:3" x14ac:dyDescent="0.15">
      <c r="A3125" s="3">
        <v>2011413792</v>
      </c>
      <c r="B3125" s="4" t="s">
        <v>5695</v>
      </c>
      <c r="C3125" s="3" t="s">
        <v>5696</v>
      </c>
    </row>
    <row r="3126" spans="1:3" ht="27" x14ac:dyDescent="0.15">
      <c r="A3126" s="3">
        <v>2011410044</v>
      </c>
      <c r="B3126" s="4" t="s">
        <v>1129</v>
      </c>
      <c r="C3126" s="3" t="s">
        <v>1130</v>
      </c>
    </row>
    <row r="3127" spans="1:3" ht="27" x14ac:dyDescent="0.15">
      <c r="A3127" s="3">
        <v>2011412913</v>
      </c>
      <c r="B3127" s="4" t="s">
        <v>4588</v>
      </c>
      <c r="C3127" s="3" t="s">
        <v>4589</v>
      </c>
    </row>
    <row r="3128" spans="1:3" ht="27" x14ac:dyDescent="0.15">
      <c r="A3128" s="3">
        <v>2011412914</v>
      </c>
      <c r="B3128" s="4" t="s">
        <v>4590</v>
      </c>
      <c r="C3128" s="3" t="s">
        <v>4591</v>
      </c>
    </row>
    <row r="3129" spans="1:3" ht="27" x14ac:dyDescent="0.15">
      <c r="A3129" s="3">
        <v>2011414221</v>
      </c>
      <c r="B3129" s="4" t="s">
        <v>6304</v>
      </c>
      <c r="C3129" s="3" t="s">
        <v>6305</v>
      </c>
    </row>
    <row r="3130" spans="1:3" ht="27" x14ac:dyDescent="0.15">
      <c r="A3130" s="3">
        <v>2011410814</v>
      </c>
      <c r="B3130" s="4" t="s">
        <v>2107</v>
      </c>
      <c r="C3130" s="3" t="s">
        <v>2108</v>
      </c>
    </row>
    <row r="3131" spans="1:3" ht="27" x14ac:dyDescent="0.15">
      <c r="A3131" s="3">
        <v>2011411133</v>
      </c>
      <c r="B3131" s="4" t="s">
        <v>2460</v>
      </c>
      <c r="C3131" s="3" t="s">
        <v>2108</v>
      </c>
    </row>
    <row r="3132" spans="1:3" x14ac:dyDescent="0.15">
      <c r="A3132" s="3">
        <v>2011411136</v>
      </c>
      <c r="B3132" s="4" t="s">
        <v>2463</v>
      </c>
      <c r="C3132" s="3" t="s">
        <v>2108</v>
      </c>
    </row>
    <row r="3133" spans="1:3" ht="27" x14ac:dyDescent="0.15">
      <c r="A3133" s="3">
        <v>2011411150</v>
      </c>
      <c r="B3133" s="4" t="s">
        <v>2481</v>
      </c>
      <c r="C3133" s="3" t="s">
        <v>2108</v>
      </c>
    </row>
    <row r="3134" spans="1:3" ht="27" x14ac:dyDescent="0.15">
      <c r="A3134" s="3">
        <v>2011412080</v>
      </c>
      <c r="B3134" s="4" t="s">
        <v>3594</v>
      </c>
      <c r="C3134" s="3" t="s">
        <v>3595</v>
      </c>
    </row>
    <row r="3135" spans="1:3" ht="27" x14ac:dyDescent="0.15">
      <c r="A3135" s="3">
        <v>2011414406</v>
      </c>
      <c r="B3135" s="4" t="s">
        <v>6535</v>
      </c>
      <c r="C3135" s="3" t="s">
        <v>6536</v>
      </c>
    </row>
    <row r="3136" spans="1:3" ht="27" x14ac:dyDescent="0.15">
      <c r="A3136" s="3">
        <v>2011411903</v>
      </c>
      <c r="B3136" s="4" t="s">
        <v>3382</v>
      </c>
      <c r="C3136" s="3" t="s">
        <v>3383</v>
      </c>
    </row>
    <row r="3137" spans="1:3" ht="27" x14ac:dyDescent="0.15">
      <c r="A3137" s="3">
        <v>2011410118</v>
      </c>
      <c r="B3137" s="4" t="s">
        <v>1240</v>
      </c>
      <c r="C3137" s="3" t="s">
        <v>1241</v>
      </c>
    </row>
    <row r="3138" spans="1:3" ht="27" x14ac:dyDescent="0.15">
      <c r="A3138" s="3">
        <v>2011410120</v>
      </c>
      <c r="B3138" s="4" t="s">
        <v>1244</v>
      </c>
      <c r="C3138" s="3" t="s">
        <v>1245</v>
      </c>
    </row>
    <row r="3139" spans="1:3" ht="27" x14ac:dyDescent="0.15">
      <c r="A3139" s="3">
        <v>2011410121</v>
      </c>
      <c r="B3139" s="4" t="s">
        <v>1246</v>
      </c>
      <c r="C3139" s="3" t="s">
        <v>1247</v>
      </c>
    </row>
    <row r="3140" spans="1:3" ht="27" x14ac:dyDescent="0.15">
      <c r="A3140" s="3">
        <v>2011410122</v>
      </c>
      <c r="B3140" s="4" t="s">
        <v>1248</v>
      </c>
      <c r="C3140" s="3" t="s">
        <v>1249</v>
      </c>
    </row>
    <row r="3141" spans="1:3" ht="27" x14ac:dyDescent="0.15">
      <c r="A3141" s="3">
        <v>2011410119</v>
      </c>
      <c r="B3141" s="4" t="s">
        <v>1242</v>
      </c>
      <c r="C3141" s="3" t="s">
        <v>1243</v>
      </c>
    </row>
    <row r="3142" spans="1:3" ht="27" x14ac:dyDescent="0.15">
      <c r="A3142" s="3">
        <v>2011410093</v>
      </c>
      <c r="B3142" s="4" t="s">
        <v>1207</v>
      </c>
      <c r="C3142" s="3" t="s">
        <v>1208</v>
      </c>
    </row>
    <row r="3143" spans="1:3" ht="40.5" x14ac:dyDescent="0.15">
      <c r="A3143" s="3">
        <v>2011410635</v>
      </c>
      <c r="B3143" s="4" t="s">
        <v>1890</v>
      </c>
      <c r="C3143" s="3" t="s">
        <v>1891</v>
      </c>
    </row>
    <row r="3144" spans="1:3" ht="27" x14ac:dyDescent="0.15">
      <c r="A3144" s="3">
        <v>2011410636</v>
      </c>
      <c r="B3144" s="4" t="s">
        <v>1892</v>
      </c>
      <c r="C3144" s="3" t="s">
        <v>1891</v>
      </c>
    </row>
    <row r="3145" spans="1:3" ht="27" x14ac:dyDescent="0.15">
      <c r="A3145" s="3">
        <v>2011410637</v>
      </c>
      <c r="B3145" s="4" t="s">
        <v>1892</v>
      </c>
      <c r="C3145" s="3" t="s">
        <v>1891</v>
      </c>
    </row>
    <row r="3146" spans="1:3" ht="27" x14ac:dyDescent="0.15">
      <c r="A3146" s="3">
        <v>2011410456</v>
      </c>
      <c r="B3146" s="4" t="s">
        <v>1654</v>
      </c>
      <c r="C3146" s="3" t="s">
        <v>1655</v>
      </c>
    </row>
    <row r="3147" spans="1:3" ht="27" x14ac:dyDescent="0.15">
      <c r="A3147" s="3">
        <v>2011410455</v>
      </c>
      <c r="B3147" s="4" t="s">
        <v>1652</v>
      </c>
      <c r="C3147" s="3" t="s">
        <v>1653</v>
      </c>
    </row>
    <row r="3148" spans="1:3" x14ac:dyDescent="0.15">
      <c r="A3148" s="3">
        <v>2011410543</v>
      </c>
      <c r="B3148" s="4" t="s">
        <v>1759</v>
      </c>
      <c r="C3148" s="3" t="s">
        <v>1760</v>
      </c>
    </row>
    <row r="3149" spans="1:3" x14ac:dyDescent="0.15">
      <c r="A3149" s="3">
        <v>2011410544</v>
      </c>
      <c r="B3149" s="4" t="s">
        <v>1761</v>
      </c>
      <c r="C3149" s="3" t="s">
        <v>1760</v>
      </c>
    </row>
    <row r="3150" spans="1:3" ht="27" x14ac:dyDescent="0.15">
      <c r="A3150" s="3">
        <v>2011410697</v>
      </c>
      <c r="B3150" s="4" t="s">
        <v>1971</v>
      </c>
      <c r="C3150" s="3" t="s">
        <v>1972</v>
      </c>
    </row>
    <row r="3151" spans="1:3" x14ac:dyDescent="0.15">
      <c r="A3151" s="3">
        <v>2011410719</v>
      </c>
      <c r="B3151" s="4" t="s">
        <v>2004</v>
      </c>
      <c r="C3151" s="3" t="s">
        <v>2005</v>
      </c>
    </row>
    <row r="3152" spans="1:3" ht="27" x14ac:dyDescent="0.15">
      <c r="A3152" s="3">
        <v>2011410733</v>
      </c>
      <c r="B3152" s="4" t="s">
        <v>2025</v>
      </c>
      <c r="C3152" s="3" t="s">
        <v>2005</v>
      </c>
    </row>
    <row r="3153" spans="1:3" ht="27" x14ac:dyDescent="0.15">
      <c r="A3153" s="3">
        <v>2011410031</v>
      </c>
      <c r="B3153" s="4" t="s">
        <v>1107</v>
      </c>
      <c r="C3153" s="3" t="s">
        <v>1108</v>
      </c>
    </row>
    <row r="3154" spans="1:3" ht="40.5" x14ac:dyDescent="0.15">
      <c r="A3154" s="3">
        <v>2011411324</v>
      </c>
      <c r="B3154" s="4" t="s">
        <v>2695</v>
      </c>
      <c r="C3154" s="3" t="s">
        <v>2696</v>
      </c>
    </row>
    <row r="3155" spans="1:3" ht="27" x14ac:dyDescent="0.15">
      <c r="A3155" s="3">
        <v>2011411454</v>
      </c>
      <c r="B3155" s="4" t="s">
        <v>2858</v>
      </c>
      <c r="C3155" s="3" t="s">
        <v>2859</v>
      </c>
    </row>
    <row r="3156" spans="1:3" ht="27" x14ac:dyDescent="0.15">
      <c r="A3156" s="3">
        <v>2011411455</v>
      </c>
      <c r="B3156" s="4" t="s">
        <v>2860</v>
      </c>
      <c r="C3156" s="3" t="s">
        <v>2859</v>
      </c>
    </row>
    <row r="3157" spans="1:3" ht="27" x14ac:dyDescent="0.15">
      <c r="A3157" s="3">
        <v>2011411456</v>
      </c>
      <c r="B3157" s="4" t="s">
        <v>2861</v>
      </c>
      <c r="C3157" s="3" t="s">
        <v>2859</v>
      </c>
    </row>
    <row r="3158" spans="1:3" ht="54" x14ac:dyDescent="0.15">
      <c r="A3158" s="3">
        <v>2011414202</v>
      </c>
      <c r="B3158" s="4" t="s">
        <v>6273</v>
      </c>
      <c r="C3158" s="3" t="s">
        <v>6274</v>
      </c>
    </row>
    <row r="3159" spans="1:3" x14ac:dyDescent="0.15">
      <c r="A3159" s="3">
        <v>2011411580</v>
      </c>
      <c r="B3159" s="4" t="s">
        <v>3012</v>
      </c>
      <c r="C3159" s="3" t="s">
        <v>3013</v>
      </c>
    </row>
    <row r="3160" spans="1:3" x14ac:dyDescent="0.15">
      <c r="A3160" s="3">
        <v>2011412061</v>
      </c>
      <c r="B3160" s="4" t="s">
        <v>3568</v>
      </c>
      <c r="C3160" s="3" t="s">
        <v>3569</v>
      </c>
    </row>
    <row r="3161" spans="1:3" ht="27" x14ac:dyDescent="0.15">
      <c r="A3161" s="3">
        <v>2011412068</v>
      </c>
      <c r="B3161" s="4" t="s">
        <v>3580</v>
      </c>
      <c r="C3161" s="3" t="s">
        <v>3569</v>
      </c>
    </row>
    <row r="3162" spans="1:3" x14ac:dyDescent="0.15">
      <c r="A3162" s="3">
        <v>2011414542</v>
      </c>
      <c r="B3162" s="4" t="s">
        <v>6735</v>
      </c>
      <c r="C3162" s="3" t="s">
        <v>3569</v>
      </c>
    </row>
    <row r="3163" spans="1:3" ht="27" x14ac:dyDescent="0.15">
      <c r="A3163" s="3">
        <v>2011412063</v>
      </c>
      <c r="B3163" s="4" t="s">
        <v>3572</v>
      </c>
      <c r="C3163" s="3" t="s">
        <v>3573</v>
      </c>
    </row>
    <row r="3164" spans="1:3" ht="27" x14ac:dyDescent="0.15">
      <c r="A3164" s="3">
        <v>2011412064</v>
      </c>
      <c r="B3164" s="4" t="s">
        <v>3572</v>
      </c>
      <c r="C3164" s="3" t="s">
        <v>3573</v>
      </c>
    </row>
    <row r="3165" spans="1:3" ht="54" x14ac:dyDescent="0.15">
      <c r="A3165" s="3">
        <v>2011412129</v>
      </c>
      <c r="B3165" s="4" t="s">
        <v>3645</v>
      </c>
      <c r="C3165" s="3" t="s">
        <v>3646</v>
      </c>
    </row>
    <row r="3166" spans="1:3" ht="27" x14ac:dyDescent="0.15">
      <c r="A3166" s="3">
        <v>2011410339</v>
      </c>
      <c r="B3166" s="4" t="s">
        <v>1516</v>
      </c>
      <c r="C3166" s="3" t="s">
        <v>1517</v>
      </c>
    </row>
    <row r="3167" spans="1:3" ht="27" x14ac:dyDescent="0.15">
      <c r="A3167" s="3">
        <v>2011410340</v>
      </c>
      <c r="B3167" s="4" t="s">
        <v>1518</v>
      </c>
      <c r="C3167" s="3" t="s">
        <v>1519</v>
      </c>
    </row>
    <row r="3168" spans="1:3" ht="27" x14ac:dyDescent="0.15">
      <c r="A3168" s="3">
        <v>2011410341</v>
      </c>
      <c r="B3168" s="4" t="s">
        <v>1520</v>
      </c>
      <c r="C3168" s="3" t="s">
        <v>1521</v>
      </c>
    </row>
    <row r="3169" spans="1:3" ht="27" x14ac:dyDescent="0.15">
      <c r="A3169" s="3">
        <v>2011410376</v>
      </c>
      <c r="B3169" s="4" t="s">
        <v>1559</v>
      </c>
      <c r="C3169" s="3" t="s">
        <v>1560</v>
      </c>
    </row>
    <row r="3170" spans="1:3" ht="27" x14ac:dyDescent="0.15">
      <c r="A3170" s="3">
        <v>2011411218</v>
      </c>
      <c r="B3170" s="4" t="s">
        <v>2557</v>
      </c>
      <c r="C3170" s="3" t="s">
        <v>2558</v>
      </c>
    </row>
    <row r="3171" spans="1:3" ht="27" x14ac:dyDescent="0.15">
      <c r="A3171" s="3">
        <v>2011411219</v>
      </c>
      <c r="B3171" s="4" t="s">
        <v>2559</v>
      </c>
      <c r="C3171" s="3" t="s">
        <v>2560</v>
      </c>
    </row>
    <row r="3172" spans="1:3" ht="27" x14ac:dyDescent="0.15">
      <c r="A3172" s="3">
        <v>2011412374</v>
      </c>
      <c r="B3172" s="4" t="s">
        <v>3921</v>
      </c>
      <c r="C3172" s="3" t="s">
        <v>3922</v>
      </c>
    </row>
    <row r="3173" spans="1:3" ht="27" x14ac:dyDescent="0.15">
      <c r="A3173" s="3">
        <v>2011414176</v>
      </c>
      <c r="B3173" s="4" t="s">
        <v>6232</v>
      </c>
      <c r="C3173" s="3" t="s">
        <v>6233</v>
      </c>
    </row>
    <row r="3174" spans="1:3" ht="27" x14ac:dyDescent="0.15">
      <c r="A3174" s="3">
        <v>2011414209</v>
      </c>
      <c r="B3174" s="4" t="s">
        <v>6285</v>
      </c>
      <c r="C3174" s="3" t="s">
        <v>6286</v>
      </c>
    </row>
    <row r="3175" spans="1:3" ht="27" x14ac:dyDescent="0.15">
      <c r="A3175" s="3">
        <v>2011412988</v>
      </c>
      <c r="B3175" s="4" t="s">
        <v>4695</v>
      </c>
      <c r="C3175" s="3" t="s">
        <v>4696</v>
      </c>
    </row>
    <row r="3176" spans="1:3" ht="27" x14ac:dyDescent="0.15">
      <c r="A3176" s="3">
        <v>2011414383</v>
      </c>
      <c r="B3176" s="4" t="s">
        <v>6512</v>
      </c>
      <c r="C3176" s="3" t="s">
        <v>6513</v>
      </c>
    </row>
    <row r="3177" spans="1:3" ht="40.5" x14ac:dyDescent="0.15">
      <c r="A3177" s="3">
        <v>2011413540</v>
      </c>
      <c r="B3177" s="4" t="s">
        <v>5379</v>
      </c>
      <c r="C3177" s="3" t="s">
        <v>5380</v>
      </c>
    </row>
    <row r="3178" spans="1:3" s="9" customFormat="1" ht="40.5" x14ac:dyDescent="0.15">
      <c r="A3178" s="5">
        <v>2011414194</v>
      </c>
      <c r="B3178" s="6" t="s">
        <v>6262</v>
      </c>
      <c r="C3178" s="5" t="s">
        <v>6771</v>
      </c>
    </row>
    <row r="3179" spans="1:3" ht="54" x14ac:dyDescent="0.15">
      <c r="A3179" s="3">
        <v>2011413709</v>
      </c>
      <c r="B3179" s="4" t="s">
        <v>5575</v>
      </c>
      <c r="C3179" s="3" t="s">
        <v>5576</v>
      </c>
    </row>
    <row r="3180" spans="1:3" ht="54" x14ac:dyDescent="0.15">
      <c r="A3180" s="3">
        <v>2011413710</v>
      </c>
      <c r="B3180" s="4" t="s">
        <v>5575</v>
      </c>
      <c r="C3180" s="3" t="s">
        <v>5577</v>
      </c>
    </row>
    <row r="3181" spans="1:3" ht="27" x14ac:dyDescent="0.15">
      <c r="A3181" s="3">
        <v>2011413818</v>
      </c>
      <c r="B3181" s="4" t="s">
        <v>5731</v>
      </c>
      <c r="C3181" s="3" t="s">
        <v>5732</v>
      </c>
    </row>
    <row r="3182" spans="1:3" x14ac:dyDescent="0.15">
      <c r="A3182" s="3">
        <v>2011414226</v>
      </c>
      <c r="B3182" s="4" t="s">
        <v>6311</v>
      </c>
      <c r="C3182" s="3" t="s">
        <v>6312</v>
      </c>
    </row>
    <row r="3183" spans="1:3" ht="27" x14ac:dyDescent="0.15">
      <c r="A3183" s="3">
        <v>2011414463</v>
      </c>
      <c r="B3183" s="4" t="s">
        <v>6622</v>
      </c>
      <c r="C3183" s="3" t="s">
        <v>6623</v>
      </c>
    </row>
    <row r="3184" spans="1:3" ht="27" x14ac:dyDescent="0.15">
      <c r="A3184" s="3">
        <v>2011413534</v>
      </c>
      <c r="B3184" s="4" t="s">
        <v>5372</v>
      </c>
      <c r="C3184" s="3" t="s">
        <v>5373</v>
      </c>
    </row>
    <row r="3185" spans="1:3" x14ac:dyDescent="0.15">
      <c r="A3185" s="3">
        <v>2011414462</v>
      </c>
      <c r="B3185" s="4" t="s">
        <v>6620</v>
      </c>
      <c r="C3185" s="3" t="s">
        <v>6621</v>
      </c>
    </row>
    <row r="3186" spans="1:3" ht="27" x14ac:dyDescent="0.15">
      <c r="A3186" s="3">
        <v>2011410594</v>
      </c>
      <c r="B3186" s="4" t="s">
        <v>1835</v>
      </c>
      <c r="C3186" s="3" t="s">
        <v>1836</v>
      </c>
    </row>
    <row r="3187" spans="1:3" ht="27" x14ac:dyDescent="0.15">
      <c r="A3187" s="3">
        <v>2011414395</v>
      </c>
      <c r="B3187" s="4" t="s">
        <v>6529</v>
      </c>
      <c r="C3187" s="3" t="s">
        <v>1836</v>
      </c>
    </row>
    <row r="3188" spans="1:3" ht="27" x14ac:dyDescent="0.15">
      <c r="A3188" s="3">
        <v>2011414404</v>
      </c>
      <c r="B3188" s="4" t="s">
        <v>1835</v>
      </c>
      <c r="C3188" s="3" t="s">
        <v>1836</v>
      </c>
    </row>
    <row r="3189" spans="1:3" ht="27" x14ac:dyDescent="0.15">
      <c r="A3189" s="3">
        <v>2011410598</v>
      </c>
      <c r="B3189" s="4" t="s">
        <v>1840</v>
      </c>
      <c r="C3189" s="3" t="s">
        <v>1841</v>
      </c>
    </row>
    <row r="3190" spans="1:3" ht="27" x14ac:dyDescent="0.15">
      <c r="A3190" s="3">
        <v>2011414410</v>
      </c>
      <c r="B3190" s="4" t="s">
        <v>6542</v>
      </c>
      <c r="C3190" s="3" t="s">
        <v>6543</v>
      </c>
    </row>
    <row r="3191" spans="1:3" ht="40.5" x14ac:dyDescent="0.15">
      <c r="A3191" s="3">
        <v>2011414511</v>
      </c>
      <c r="B3191" s="4" t="s">
        <v>6690</v>
      </c>
      <c r="C3191" s="3" t="s">
        <v>6691</v>
      </c>
    </row>
    <row r="3192" spans="1:3" ht="40.5" x14ac:dyDescent="0.15">
      <c r="A3192" s="3">
        <v>2011414512</v>
      </c>
      <c r="B3192" s="4" t="s">
        <v>6692</v>
      </c>
      <c r="C3192" s="3" t="s">
        <v>6691</v>
      </c>
    </row>
    <row r="3193" spans="1:3" x14ac:dyDescent="0.15">
      <c r="A3193" s="3">
        <v>2011410616</v>
      </c>
      <c r="B3193" s="4" t="s">
        <v>1866</v>
      </c>
      <c r="C3193" s="3" t="s">
        <v>1867</v>
      </c>
    </row>
    <row r="3194" spans="1:3" ht="27" x14ac:dyDescent="0.15">
      <c r="A3194" s="3">
        <v>2011410617</v>
      </c>
      <c r="B3194" s="4" t="s">
        <v>1868</v>
      </c>
      <c r="C3194" s="3" t="s">
        <v>1867</v>
      </c>
    </row>
    <row r="3195" spans="1:3" ht="27" x14ac:dyDescent="0.15">
      <c r="A3195" s="3">
        <v>2011412468</v>
      </c>
      <c r="B3195" s="4" t="s">
        <v>4067</v>
      </c>
      <c r="C3195" s="3" t="s">
        <v>1867</v>
      </c>
    </row>
    <row r="3196" spans="1:3" ht="27" x14ac:dyDescent="0.15">
      <c r="A3196" s="3">
        <v>2011414407</v>
      </c>
      <c r="B3196" s="4" t="s">
        <v>6537</v>
      </c>
      <c r="C3196" s="3" t="s">
        <v>6538</v>
      </c>
    </row>
    <row r="3197" spans="1:3" ht="27" x14ac:dyDescent="0.15">
      <c r="A3197" s="3">
        <v>2011414408</v>
      </c>
      <c r="B3197" s="4" t="s">
        <v>6539</v>
      </c>
      <c r="C3197" s="3" t="s">
        <v>6538</v>
      </c>
    </row>
    <row r="3198" spans="1:3" ht="40.5" x14ac:dyDescent="0.15">
      <c r="A3198" s="3">
        <v>2011414499</v>
      </c>
      <c r="B3198" s="4" t="s">
        <v>6675</v>
      </c>
      <c r="C3198" s="3" t="s">
        <v>6538</v>
      </c>
    </row>
    <row r="3199" spans="1:3" ht="27" x14ac:dyDescent="0.15">
      <c r="A3199" s="3">
        <v>2011414459</v>
      </c>
      <c r="B3199" s="4" t="s">
        <v>6614</v>
      </c>
      <c r="C3199" s="3" t="s">
        <v>6615</v>
      </c>
    </row>
    <row r="3200" spans="1:3" ht="27" x14ac:dyDescent="0.15">
      <c r="A3200" s="3">
        <v>2011414322</v>
      </c>
      <c r="B3200" s="4" t="s">
        <v>6438</v>
      </c>
      <c r="C3200" s="3" t="s">
        <v>6439</v>
      </c>
    </row>
    <row r="3201" spans="1:3" ht="27" x14ac:dyDescent="0.15">
      <c r="A3201" s="3">
        <v>2011414460</v>
      </c>
      <c r="B3201" s="4" t="s">
        <v>6616</v>
      </c>
      <c r="C3201" s="3" t="s">
        <v>6617</v>
      </c>
    </row>
    <row r="3202" spans="1:3" ht="27" x14ac:dyDescent="0.15">
      <c r="A3202" s="3">
        <v>2011414478</v>
      </c>
      <c r="B3202" s="4" t="s">
        <v>6646</v>
      </c>
      <c r="C3202" s="3" t="s">
        <v>6617</v>
      </c>
    </row>
    <row r="3203" spans="1:3" ht="27" x14ac:dyDescent="0.15">
      <c r="A3203" s="3">
        <v>2011414414</v>
      </c>
      <c r="B3203" s="4" t="s">
        <v>6547</v>
      </c>
      <c r="C3203" s="3" t="s">
        <v>6548</v>
      </c>
    </row>
    <row r="3204" spans="1:3" ht="27" x14ac:dyDescent="0.15">
      <c r="A3204" s="3">
        <v>2011414445</v>
      </c>
      <c r="B3204" s="4" t="s">
        <v>6587</v>
      </c>
      <c r="C3204" s="3" t="s">
        <v>6588</v>
      </c>
    </row>
    <row r="3205" spans="1:3" ht="27" x14ac:dyDescent="0.15">
      <c r="A3205" s="3">
        <v>2011411341</v>
      </c>
      <c r="B3205" s="4" t="s">
        <v>2719</v>
      </c>
      <c r="C3205" s="3" t="s">
        <v>2720</v>
      </c>
    </row>
    <row r="3206" spans="1:3" ht="40.5" x14ac:dyDescent="0.15">
      <c r="A3206" s="3">
        <v>2011411349</v>
      </c>
      <c r="B3206" s="4" t="s">
        <v>2731</v>
      </c>
      <c r="C3206" s="3" t="s">
        <v>2732</v>
      </c>
    </row>
    <row r="3207" spans="1:3" ht="40.5" x14ac:dyDescent="0.15">
      <c r="A3207" s="3">
        <v>2011414400</v>
      </c>
      <c r="B3207" s="4" t="s">
        <v>2731</v>
      </c>
      <c r="C3207" s="3" t="s">
        <v>2732</v>
      </c>
    </row>
    <row r="3208" spans="1:3" ht="40.5" x14ac:dyDescent="0.15">
      <c r="A3208" s="3">
        <v>2011414401</v>
      </c>
      <c r="B3208" s="4" t="s">
        <v>2731</v>
      </c>
      <c r="C3208" s="3" t="s">
        <v>2732</v>
      </c>
    </row>
    <row r="3209" spans="1:3" x14ac:dyDescent="0.15">
      <c r="A3209" s="3">
        <v>2011411931</v>
      </c>
      <c r="B3209" s="4" t="s">
        <v>3420</v>
      </c>
      <c r="C3209" s="3" t="s">
        <v>3421</v>
      </c>
    </row>
    <row r="3210" spans="1:3" ht="27" x14ac:dyDescent="0.15">
      <c r="A3210" s="3">
        <v>2011411959</v>
      </c>
      <c r="B3210" s="4" t="s">
        <v>3463</v>
      </c>
      <c r="C3210" s="3" t="s">
        <v>3464</v>
      </c>
    </row>
    <row r="3211" spans="1:3" ht="27" x14ac:dyDescent="0.15">
      <c r="A3211" s="3">
        <v>2011411960</v>
      </c>
      <c r="B3211" s="4" t="s">
        <v>3463</v>
      </c>
      <c r="C3211" s="3" t="s">
        <v>3465</v>
      </c>
    </row>
    <row r="3212" spans="1:3" ht="27" x14ac:dyDescent="0.15">
      <c r="A3212" s="3">
        <v>2011412062</v>
      </c>
      <c r="B3212" s="4" t="s">
        <v>3570</v>
      </c>
      <c r="C3212" s="3" t="s">
        <v>3571</v>
      </c>
    </row>
    <row r="3213" spans="1:3" ht="40.5" x14ac:dyDescent="0.15">
      <c r="A3213" s="3">
        <v>2011414522</v>
      </c>
      <c r="B3213" s="4" t="s">
        <v>6708</v>
      </c>
      <c r="C3213" s="3" t="s">
        <v>3571</v>
      </c>
    </row>
    <row r="3214" spans="1:3" ht="27" x14ac:dyDescent="0.15">
      <c r="A3214" s="3">
        <v>2011414523</v>
      </c>
      <c r="B3214" s="4" t="s">
        <v>3570</v>
      </c>
      <c r="C3214" s="3" t="s">
        <v>3571</v>
      </c>
    </row>
    <row r="3215" spans="1:3" ht="40.5" x14ac:dyDescent="0.15">
      <c r="A3215" s="3">
        <v>2011414520</v>
      </c>
      <c r="B3215" s="4" t="s">
        <v>6705</v>
      </c>
      <c r="C3215" s="3" t="s">
        <v>6706</v>
      </c>
    </row>
    <row r="3216" spans="1:3" ht="40.5" x14ac:dyDescent="0.15">
      <c r="A3216" s="3">
        <v>2011414521</v>
      </c>
      <c r="B3216" s="4" t="s">
        <v>6705</v>
      </c>
      <c r="C3216" s="3" t="s">
        <v>6707</v>
      </c>
    </row>
    <row r="3217" spans="1:3" x14ac:dyDescent="0.15">
      <c r="A3217" s="3">
        <v>2011412372</v>
      </c>
      <c r="B3217" s="4" t="s">
        <v>3918</v>
      </c>
      <c r="C3217" s="3" t="s">
        <v>3919</v>
      </c>
    </row>
    <row r="3218" spans="1:3" x14ac:dyDescent="0.15">
      <c r="A3218" s="3">
        <v>2011412373</v>
      </c>
      <c r="B3218" s="4" t="s">
        <v>3920</v>
      </c>
      <c r="C3218" s="3" t="s">
        <v>3919</v>
      </c>
    </row>
    <row r="3219" spans="1:3" ht="40.5" x14ac:dyDescent="0.15">
      <c r="A3219" s="3">
        <v>2011414510</v>
      </c>
      <c r="B3219" s="4" t="s">
        <v>6689</v>
      </c>
      <c r="C3219" s="3" t="s">
        <v>3919</v>
      </c>
    </row>
    <row r="3220" spans="1:3" ht="27" x14ac:dyDescent="0.15">
      <c r="A3220" s="3">
        <v>2011414344</v>
      </c>
      <c r="B3220" s="4" t="s">
        <v>6461</v>
      </c>
      <c r="C3220" s="3" t="s">
        <v>6462</v>
      </c>
    </row>
    <row r="3221" spans="1:3" ht="40.5" x14ac:dyDescent="0.15">
      <c r="A3221" s="3">
        <v>2011412457</v>
      </c>
      <c r="B3221" s="4" t="s">
        <v>4050</v>
      </c>
      <c r="C3221" s="3" t="s">
        <v>4051</v>
      </c>
    </row>
    <row r="3222" spans="1:3" x14ac:dyDescent="0.15">
      <c r="A3222" s="3">
        <v>2011412458</v>
      </c>
      <c r="B3222" s="4" t="s">
        <v>4052</v>
      </c>
      <c r="C3222" s="3" t="s">
        <v>4051</v>
      </c>
    </row>
    <row r="3223" spans="1:3" ht="27" x14ac:dyDescent="0.15">
      <c r="A3223" s="3">
        <v>2011414467</v>
      </c>
      <c r="B3223" s="4" t="s">
        <v>6629</v>
      </c>
      <c r="C3223" s="3" t="s">
        <v>6630</v>
      </c>
    </row>
    <row r="3224" spans="1:3" ht="27" x14ac:dyDescent="0.15">
      <c r="A3224" s="3">
        <v>2011412464</v>
      </c>
      <c r="B3224" s="4" t="s">
        <v>4062</v>
      </c>
      <c r="C3224" s="3" t="s">
        <v>4063</v>
      </c>
    </row>
    <row r="3225" spans="1:3" ht="27" x14ac:dyDescent="0.15">
      <c r="A3225" s="3">
        <v>2011412469</v>
      </c>
      <c r="B3225" s="4" t="s">
        <v>4068</v>
      </c>
      <c r="C3225" s="3" t="s">
        <v>4069</v>
      </c>
    </row>
    <row r="3226" spans="1:3" x14ac:dyDescent="0.15">
      <c r="A3226" s="3">
        <v>2011414497</v>
      </c>
      <c r="B3226" s="4" t="s">
        <v>6671</v>
      </c>
      <c r="C3226" s="3" t="s">
        <v>6672</v>
      </c>
    </row>
    <row r="3227" spans="1:3" ht="27" x14ac:dyDescent="0.15">
      <c r="A3227" s="3">
        <v>2011414425</v>
      </c>
      <c r="B3227" s="4" t="s">
        <v>6559</v>
      </c>
      <c r="C3227" s="3" t="s">
        <v>6560</v>
      </c>
    </row>
    <row r="3228" spans="1:3" ht="27" x14ac:dyDescent="0.15">
      <c r="A3228" s="3">
        <v>2011412989</v>
      </c>
      <c r="B3228" s="4" t="s">
        <v>4697</v>
      </c>
      <c r="C3228" s="3" t="s">
        <v>4698</v>
      </c>
    </row>
    <row r="3229" spans="1:3" x14ac:dyDescent="0.15">
      <c r="A3229" s="3">
        <v>2011414484</v>
      </c>
      <c r="B3229" s="4" t="s">
        <v>6657</v>
      </c>
      <c r="C3229" s="3" t="s">
        <v>6658</v>
      </c>
    </row>
    <row r="3230" spans="1:3" ht="27" x14ac:dyDescent="0.15">
      <c r="A3230" s="3">
        <v>2011414498</v>
      </c>
      <c r="B3230" s="4" t="s">
        <v>6673</v>
      </c>
      <c r="C3230" s="3" t="s">
        <v>6674</v>
      </c>
    </row>
    <row r="3231" spans="1:3" ht="27" x14ac:dyDescent="0.15">
      <c r="A3231" s="3">
        <v>2011414474</v>
      </c>
      <c r="B3231" s="4" t="s">
        <v>6638</v>
      </c>
      <c r="C3231" s="3" t="s">
        <v>6639</v>
      </c>
    </row>
    <row r="3232" spans="1:3" ht="27" x14ac:dyDescent="0.15">
      <c r="A3232" s="3">
        <v>2011414554</v>
      </c>
      <c r="B3232" s="4" t="s">
        <v>6750</v>
      </c>
      <c r="C3232" s="3" t="s">
        <v>6751</v>
      </c>
    </row>
    <row r="3233" spans="1:3" ht="27" x14ac:dyDescent="0.15">
      <c r="A3233" s="3">
        <v>2011414179</v>
      </c>
      <c r="B3233" s="4" t="s">
        <v>6238</v>
      </c>
      <c r="C3233" s="3" t="s">
        <v>6239</v>
      </c>
    </row>
    <row r="3234" spans="1:3" ht="27" x14ac:dyDescent="0.15">
      <c r="A3234" s="3">
        <v>2011414436</v>
      </c>
      <c r="B3234" s="4" t="s">
        <v>6573</v>
      </c>
      <c r="C3234" s="3" t="s">
        <v>6574</v>
      </c>
    </row>
    <row r="3235" spans="1:3" ht="27" x14ac:dyDescent="0.15">
      <c r="A3235" s="3">
        <v>2011413210</v>
      </c>
      <c r="B3235" s="4" t="s">
        <v>5008</v>
      </c>
      <c r="C3235" s="3" t="s">
        <v>5009</v>
      </c>
    </row>
    <row r="3236" spans="1:3" ht="27" x14ac:dyDescent="0.15">
      <c r="A3236" s="3">
        <v>2011414432</v>
      </c>
      <c r="B3236" s="4" t="s">
        <v>6570</v>
      </c>
      <c r="C3236" s="3" t="s">
        <v>6571</v>
      </c>
    </row>
    <row r="3237" spans="1:3" ht="40.5" x14ac:dyDescent="0.15">
      <c r="A3237" s="3">
        <v>2011410023</v>
      </c>
      <c r="B3237" s="4" t="s">
        <v>1094</v>
      </c>
      <c r="C3237" s="3" t="s">
        <v>1095</v>
      </c>
    </row>
    <row r="3238" spans="1:3" ht="27" x14ac:dyDescent="0.15">
      <c r="A3238" s="3">
        <v>2011413741</v>
      </c>
      <c r="B3238" s="4" t="s">
        <v>5617</v>
      </c>
      <c r="C3238" s="3" t="s">
        <v>5618</v>
      </c>
    </row>
    <row r="3239" spans="1:3" ht="40.5" x14ac:dyDescent="0.15">
      <c r="A3239" s="3">
        <v>2011414412</v>
      </c>
      <c r="B3239" s="4" t="s">
        <v>6546</v>
      </c>
      <c r="C3239" s="3" t="s">
        <v>5618</v>
      </c>
    </row>
    <row r="3240" spans="1:3" ht="40.5" x14ac:dyDescent="0.15">
      <c r="A3240" s="3">
        <v>2011414558</v>
      </c>
      <c r="B3240" s="4" t="s">
        <v>6754</v>
      </c>
      <c r="C3240" s="3" t="s">
        <v>6755</v>
      </c>
    </row>
    <row r="3241" spans="1:3" ht="40.5" x14ac:dyDescent="0.15">
      <c r="A3241" s="3">
        <v>2011414559</v>
      </c>
      <c r="B3241" s="4" t="s">
        <v>6754</v>
      </c>
      <c r="C3241" s="3" t="s">
        <v>6756</v>
      </c>
    </row>
    <row r="3242" spans="1:3" ht="40.5" x14ac:dyDescent="0.15">
      <c r="A3242" s="3">
        <v>2011414560</v>
      </c>
      <c r="B3242" s="4" t="s">
        <v>6754</v>
      </c>
      <c r="C3242" s="3" t="s">
        <v>6757</v>
      </c>
    </row>
    <row r="3243" spans="1:3" ht="27" x14ac:dyDescent="0.15">
      <c r="A3243" s="3">
        <v>2011414483</v>
      </c>
      <c r="B3243" s="4" t="s">
        <v>6655</v>
      </c>
      <c r="C3243" s="3" t="s">
        <v>6656</v>
      </c>
    </row>
    <row r="3244" spans="1:3" ht="27" x14ac:dyDescent="0.15">
      <c r="A3244" s="3">
        <v>2011413790</v>
      </c>
      <c r="B3244" s="4" t="s">
        <v>5692</v>
      </c>
      <c r="C3244" s="3" t="s">
        <v>5693</v>
      </c>
    </row>
    <row r="3245" spans="1:3" ht="27" x14ac:dyDescent="0.15">
      <c r="A3245" s="3">
        <v>2008400500</v>
      </c>
      <c r="B3245" s="4" t="s">
        <v>599</v>
      </c>
      <c r="C3245" s="3" t="s">
        <v>600</v>
      </c>
    </row>
    <row r="3246" spans="1:3" ht="40.5" x14ac:dyDescent="0.15">
      <c r="A3246" s="3">
        <v>2011414263</v>
      </c>
      <c r="B3246" s="4" t="s">
        <v>6362</v>
      </c>
      <c r="C3246" s="3" t="s">
        <v>6363</v>
      </c>
    </row>
    <row r="3247" spans="1:3" ht="40.5" x14ac:dyDescent="0.15">
      <c r="A3247" s="3">
        <v>2011414264</v>
      </c>
      <c r="B3247" s="4" t="s">
        <v>6364</v>
      </c>
      <c r="C3247" s="3" t="s">
        <v>6365</v>
      </c>
    </row>
    <row r="3248" spans="1:3" ht="40.5" x14ac:dyDescent="0.15">
      <c r="A3248" s="3">
        <v>2011414265</v>
      </c>
      <c r="B3248" s="4" t="s">
        <v>6364</v>
      </c>
      <c r="C3248" s="3" t="s">
        <v>6366</v>
      </c>
    </row>
    <row r="3249" spans="1:3" ht="40.5" x14ac:dyDescent="0.15">
      <c r="A3249" s="3">
        <v>2011414266</v>
      </c>
      <c r="B3249" s="4" t="s">
        <v>6364</v>
      </c>
      <c r="C3249" s="3" t="s">
        <v>6367</v>
      </c>
    </row>
    <row r="3250" spans="1:3" ht="27" x14ac:dyDescent="0.15">
      <c r="A3250" s="3">
        <v>2011412544</v>
      </c>
      <c r="B3250" s="4" t="s">
        <v>4161</v>
      </c>
      <c r="C3250" s="3" t="s">
        <v>4162</v>
      </c>
    </row>
    <row r="3251" spans="1:3" ht="40.5" x14ac:dyDescent="0.15">
      <c r="A3251" s="3">
        <v>2011414275</v>
      </c>
      <c r="B3251" s="4" t="s">
        <v>6380</v>
      </c>
      <c r="C3251" s="3" t="s">
        <v>6381</v>
      </c>
    </row>
    <row r="3252" spans="1:3" ht="40.5" x14ac:dyDescent="0.15">
      <c r="A3252" s="3">
        <v>2011414276</v>
      </c>
      <c r="B3252" s="4" t="s">
        <v>6380</v>
      </c>
      <c r="C3252" s="3" t="s">
        <v>6382</v>
      </c>
    </row>
    <row r="3253" spans="1:3" ht="27" x14ac:dyDescent="0.15">
      <c r="A3253" s="3">
        <v>2011414277</v>
      </c>
      <c r="B3253" s="4" t="s">
        <v>6383</v>
      </c>
      <c r="C3253" s="3" t="s">
        <v>6384</v>
      </c>
    </row>
    <row r="3254" spans="1:3" ht="27" x14ac:dyDescent="0.15">
      <c r="A3254" s="3">
        <v>2011410062</v>
      </c>
      <c r="B3254" s="4" t="s">
        <v>1159</v>
      </c>
      <c r="C3254" s="3" t="s">
        <v>1160</v>
      </c>
    </row>
    <row r="3255" spans="1:3" ht="27" x14ac:dyDescent="0.15">
      <c r="A3255" s="3">
        <v>2011413787</v>
      </c>
      <c r="B3255" s="4" t="s">
        <v>5686</v>
      </c>
      <c r="C3255" s="3" t="s">
        <v>5687</v>
      </c>
    </row>
    <row r="3256" spans="1:3" ht="27" x14ac:dyDescent="0.15">
      <c r="A3256" s="3">
        <v>2011414261</v>
      </c>
      <c r="B3256" s="4" t="s">
        <v>6359</v>
      </c>
      <c r="C3256" s="3" t="s">
        <v>6360</v>
      </c>
    </row>
    <row r="3257" spans="1:3" ht="27" x14ac:dyDescent="0.15">
      <c r="A3257" s="3">
        <v>2011414262</v>
      </c>
      <c r="B3257" s="4" t="s">
        <v>6359</v>
      </c>
      <c r="C3257" s="3" t="s">
        <v>6361</v>
      </c>
    </row>
    <row r="3258" spans="1:3" ht="40.5" x14ac:dyDescent="0.15">
      <c r="A3258" s="3">
        <v>2011414272</v>
      </c>
      <c r="B3258" s="4" t="s">
        <v>6376</v>
      </c>
      <c r="C3258" s="3" t="s">
        <v>6377</v>
      </c>
    </row>
    <row r="3259" spans="1:3" ht="40.5" x14ac:dyDescent="0.15">
      <c r="A3259" s="3">
        <v>2011414273</v>
      </c>
      <c r="B3259" s="4" t="s">
        <v>6376</v>
      </c>
      <c r="C3259" s="3" t="s">
        <v>6378</v>
      </c>
    </row>
    <row r="3260" spans="1:3" ht="27" x14ac:dyDescent="0.15">
      <c r="A3260" s="3">
        <v>2011414271</v>
      </c>
      <c r="B3260" s="4" t="s">
        <v>6374</v>
      </c>
      <c r="C3260" s="3" t="s">
        <v>6375</v>
      </c>
    </row>
    <row r="3261" spans="1:3" ht="27" x14ac:dyDescent="0.15">
      <c r="A3261" s="3">
        <v>2011414274</v>
      </c>
      <c r="B3261" s="4" t="s">
        <v>6379</v>
      </c>
      <c r="C3261" s="3" t="s">
        <v>6375</v>
      </c>
    </row>
    <row r="3262" spans="1:3" ht="27" x14ac:dyDescent="0.15">
      <c r="A3262" s="3">
        <v>2011413567</v>
      </c>
      <c r="B3262" s="4" t="s">
        <v>5423</v>
      </c>
      <c r="C3262" s="3" t="s">
        <v>5424</v>
      </c>
    </row>
    <row r="3263" spans="1:3" ht="27" x14ac:dyDescent="0.15">
      <c r="A3263" s="3">
        <v>2011413568</v>
      </c>
      <c r="B3263" s="4" t="s">
        <v>5425</v>
      </c>
      <c r="C3263" s="3" t="s">
        <v>5424</v>
      </c>
    </row>
    <row r="3264" spans="1:3" ht="40.5" x14ac:dyDescent="0.15">
      <c r="A3264" s="3">
        <v>2011414267</v>
      </c>
      <c r="B3264" s="4" t="s">
        <v>6368</v>
      </c>
      <c r="C3264" s="3" t="s">
        <v>6369</v>
      </c>
    </row>
    <row r="3265" spans="1:3" ht="27" x14ac:dyDescent="0.15">
      <c r="A3265" s="3">
        <v>2011410651</v>
      </c>
      <c r="B3265" s="4" t="s">
        <v>1908</v>
      </c>
      <c r="C3265" s="3" t="s">
        <v>1909</v>
      </c>
    </row>
    <row r="3266" spans="1:3" ht="27" x14ac:dyDescent="0.15">
      <c r="A3266" s="3">
        <v>2011411095</v>
      </c>
      <c r="B3266" s="4" t="s">
        <v>2408</v>
      </c>
      <c r="C3266" s="3" t="s">
        <v>2409</v>
      </c>
    </row>
    <row r="3267" spans="1:3" x14ac:dyDescent="0.15">
      <c r="A3267" s="3">
        <v>2011411097</v>
      </c>
      <c r="B3267" s="4" t="s">
        <v>2411</v>
      </c>
      <c r="C3267" s="3" t="s">
        <v>2412</v>
      </c>
    </row>
    <row r="3268" spans="1:3" ht="27" x14ac:dyDescent="0.15">
      <c r="A3268" s="3">
        <v>2011412172</v>
      </c>
      <c r="B3268" s="4" t="s">
        <v>3690</v>
      </c>
      <c r="C3268" s="3" t="s">
        <v>3691</v>
      </c>
    </row>
    <row r="3269" spans="1:3" ht="40.5" x14ac:dyDescent="0.15">
      <c r="A3269" s="3">
        <v>2011411100</v>
      </c>
      <c r="B3269" s="4" t="s">
        <v>2415</v>
      </c>
      <c r="C3269" s="3" t="s">
        <v>2416</v>
      </c>
    </row>
    <row r="3270" spans="1:3" ht="40.5" x14ac:dyDescent="0.15">
      <c r="A3270" s="3">
        <v>2011411093</v>
      </c>
      <c r="B3270" s="4" t="s">
        <v>2405</v>
      </c>
      <c r="C3270" s="3" t="s">
        <v>2406</v>
      </c>
    </row>
    <row r="3271" spans="1:3" ht="40.5" x14ac:dyDescent="0.15">
      <c r="A3271" s="3">
        <v>2011411094</v>
      </c>
      <c r="B3271" s="4" t="s">
        <v>2407</v>
      </c>
      <c r="C3271" s="3" t="s">
        <v>2406</v>
      </c>
    </row>
    <row r="3272" spans="1:3" x14ac:dyDescent="0.15">
      <c r="A3272" s="3">
        <v>2011411096</v>
      </c>
      <c r="B3272" s="4" t="s">
        <v>2410</v>
      </c>
      <c r="C3272" s="3" t="s">
        <v>2406</v>
      </c>
    </row>
    <row r="3273" spans="1:3" ht="27" x14ac:dyDescent="0.15">
      <c r="A3273" s="3">
        <v>2011411092</v>
      </c>
      <c r="B3273" s="4" t="s">
        <v>2403</v>
      </c>
      <c r="C3273" s="3" t="s">
        <v>2404</v>
      </c>
    </row>
    <row r="3274" spans="1:3" ht="27" x14ac:dyDescent="0.15">
      <c r="A3274" s="3">
        <v>2011411099</v>
      </c>
      <c r="B3274" s="4" t="s">
        <v>2414</v>
      </c>
      <c r="C3274" s="3" t="s">
        <v>2404</v>
      </c>
    </row>
    <row r="3275" spans="1:3" ht="40.5" x14ac:dyDescent="0.15">
      <c r="A3275" s="3">
        <v>2011411088</v>
      </c>
      <c r="B3275" s="4" t="s">
        <v>2398</v>
      </c>
      <c r="C3275" s="3" t="s">
        <v>2399</v>
      </c>
    </row>
    <row r="3276" spans="1:3" ht="40.5" x14ac:dyDescent="0.15">
      <c r="A3276" s="3">
        <v>2011411089</v>
      </c>
      <c r="B3276" s="4" t="s">
        <v>2400</v>
      </c>
      <c r="C3276" s="3" t="s">
        <v>2399</v>
      </c>
    </row>
    <row r="3277" spans="1:3" ht="40.5" x14ac:dyDescent="0.15">
      <c r="A3277" s="3">
        <v>2011411090</v>
      </c>
      <c r="B3277" s="4" t="s">
        <v>2401</v>
      </c>
      <c r="C3277" s="3" t="s">
        <v>2399</v>
      </c>
    </row>
    <row r="3278" spans="1:3" ht="40.5" x14ac:dyDescent="0.15">
      <c r="A3278" s="3">
        <v>2011411091</v>
      </c>
      <c r="B3278" s="4" t="s">
        <v>2402</v>
      </c>
      <c r="C3278" s="3" t="s">
        <v>2399</v>
      </c>
    </row>
    <row r="3279" spans="1:3" ht="40.5" x14ac:dyDescent="0.15">
      <c r="A3279" s="3">
        <v>2011411098</v>
      </c>
      <c r="B3279" s="4" t="s">
        <v>2413</v>
      </c>
      <c r="C3279" s="3" t="s">
        <v>2399</v>
      </c>
    </row>
    <row r="3280" spans="1:3" ht="27" x14ac:dyDescent="0.15">
      <c r="A3280" s="3">
        <v>2011410027</v>
      </c>
      <c r="B3280" s="4" t="s">
        <v>1100</v>
      </c>
      <c r="C3280" s="3" t="s">
        <v>1101</v>
      </c>
    </row>
    <row r="3281" spans="1:3" ht="27" x14ac:dyDescent="0.15">
      <c r="A3281" s="3">
        <v>2011410022</v>
      </c>
      <c r="B3281" s="4" t="s">
        <v>1092</v>
      </c>
      <c r="C3281" s="3" t="s">
        <v>1093</v>
      </c>
    </row>
    <row r="3282" spans="1:3" ht="40.5" x14ac:dyDescent="0.15">
      <c r="A3282" s="3">
        <v>2011414317</v>
      </c>
      <c r="B3282" s="4" t="s">
        <v>6434</v>
      </c>
      <c r="C3282" s="3" t="s">
        <v>6435</v>
      </c>
    </row>
    <row r="3283" spans="1:3" ht="40.5" x14ac:dyDescent="0.15">
      <c r="A3283" s="3">
        <v>2011410024</v>
      </c>
      <c r="B3283" s="4" t="s">
        <v>1096</v>
      </c>
      <c r="C3283" s="3" t="s">
        <v>1097</v>
      </c>
    </row>
    <row r="3284" spans="1:3" ht="27" x14ac:dyDescent="0.15">
      <c r="A3284" s="3">
        <v>2011410025</v>
      </c>
      <c r="B3284" s="4" t="s">
        <v>1098</v>
      </c>
      <c r="C3284" s="3" t="s">
        <v>1097</v>
      </c>
    </row>
    <row r="3285" spans="1:3" ht="40.5" x14ac:dyDescent="0.15">
      <c r="A3285" s="3">
        <v>2011410026</v>
      </c>
      <c r="B3285" s="4" t="s">
        <v>1099</v>
      </c>
      <c r="C3285" s="3" t="s">
        <v>1097</v>
      </c>
    </row>
    <row r="3286" spans="1:3" x14ac:dyDescent="0.15">
      <c r="A3286" s="3">
        <v>2011411173</v>
      </c>
      <c r="B3286" s="4" t="s">
        <v>2505</v>
      </c>
      <c r="C3286" s="3" t="s">
        <v>1097</v>
      </c>
    </row>
    <row r="3287" spans="1:3" x14ac:dyDescent="0.15">
      <c r="A3287" s="3">
        <v>2011411174</v>
      </c>
      <c r="B3287" s="4" t="s">
        <v>2506</v>
      </c>
      <c r="C3287" s="3" t="s">
        <v>1097</v>
      </c>
    </row>
    <row r="3288" spans="1:3" x14ac:dyDescent="0.15">
      <c r="A3288" s="3">
        <v>2011411175</v>
      </c>
      <c r="B3288" s="4" t="s">
        <v>2507</v>
      </c>
      <c r="C3288" s="3" t="s">
        <v>1097</v>
      </c>
    </row>
    <row r="3289" spans="1:3" x14ac:dyDescent="0.15">
      <c r="A3289" s="3">
        <v>2011411176</v>
      </c>
      <c r="B3289" s="4" t="s">
        <v>2508</v>
      </c>
      <c r="C3289" s="3" t="s">
        <v>1097</v>
      </c>
    </row>
    <row r="3290" spans="1:3" ht="27" x14ac:dyDescent="0.15">
      <c r="A3290" s="3">
        <v>2011411177</v>
      </c>
      <c r="B3290" s="4" t="s">
        <v>2509</v>
      </c>
      <c r="C3290" s="3" t="s">
        <v>1097</v>
      </c>
    </row>
    <row r="3291" spans="1:3" x14ac:dyDescent="0.15">
      <c r="A3291" s="3">
        <v>2011410029</v>
      </c>
      <c r="B3291" s="4" t="s">
        <v>1103</v>
      </c>
      <c r="C3291" s="3" t="s">
        <v>1104</v>
      </c>
    </row>
    <row r="3292" spans="1:3" ht="27" x14ac:dyDescent="0.15">
      <c r="A3292" s="3">
        <v>2011413075</v>
      </c>
      <c r="B3292" s="4" t="s">
        <v>4816</v>
      </c>
      <c r="C3292" s="3" t="s">
        <v>4817</v>
      </c>
    </row>
    <row r="3293" spans="1:3" x14ac:dyDescent="0.15">
      <c r="A3293" s="3">
        <v>2011411335</v>
      </c>
      <c r="B3293" s="4" t="s">
        <v>2710</v>
      </c>
      <c r="C3293" s="3" t="s">
        <v>2711</v>
      </c>
    </row>
    <row r="3294" spans="1:3" ht="27" x14ac:dyDescent="0.15">
      <c r="A3294" s="3">
        <v>2011411336</v>
      </c>
      <c r="B3294" s="4" t="s">
        <v>2712</v>
      </c>
      <c r="C3294" s="3" t="s">
        <v>2713</v>
      </c>
    </row>
    <row r="3295" spans="1:3" ht="27" x14ac:dyDescent="0.15">
      <c r="A3295" s="3">
        <v>2011411949</v>
      </c>
      <c r="B3295" s="4" t="s">
        <v>3450</v>
      </c>
      <c r="C3295" s="3" t="s">
        <v>3451</v>
      </c>
    </row>
    <row r="3296" spans="1:3" x14ac:dyDescent="0.15">
      <c r="A3296" s="3">
        <v>2011411950</v>
      </c>
      <c r="B3296" s="4" t="s">
        <v>3452</v>
      </c>
      <c r="C3296" s="3" t="s">
        <v>3451</v>
      </c>
    </row>
    <row r="3297" spans="1:3" x14ac:dyDescent="0.15">
      <c r="A3297" s="3">
        <v>2011411952</v>
      </c>
      <c r="B3297" s="4" t="s">
        <v>3454</v>
      </c>
      <c r="C3297" s="3" t="s">
        <v>3451</v>
      </c>
    </row>
    <row r="3298" spans="1:3" x14ac:dyDescent="0.15">
      <c r="A3298" s="3">
        <v>2011411953</v>
      </c>
      <c r="B3298" s="4" t="s">
        <v>3455</v>
      </c>
      <c r="C3298" s="3" t="s">
        <v>3451</v>
      </c>
    </row>
    <row r="3299" spans="1:3" ht="27" x14ac:dyDescent="0.15">
      <c r="A3299" s="3">
        <v>2011412056</v>
      </c>
      <c r="B3299" s="4" t="s">
        <v>3563</v>
      </c>
      <c r="C3299" s="3" t="s">
        <v>3451</v>
      </c>
    </row>
    <row r="3300" spans="1:3" ht="27" x14ac:dyDescent="0.15">
      <c r="A3300" s="3">
        <v>2011412057</v>
      </c>
      <c r="B3300" s="4" t="s">
        <v>3564</v>
      </c>
      <c r="C3300" s="3" t="s">
        <v>3451</v>
      </c>
    </row>
    <row r="3301" spans="1:3" x14ac:dyDescent="0.15">
      <c r="A3301" s="3">
        <v>2011412058</v>
      </c>
      <c r="B3301" s="4" t="s">
        <v>3565</v>
      </c>
      <c r="C3301" s="3" t="s">
        <v>3451</v>
      </c>
    </row>
    <row r="3302" spans="1:3" ht="40.5" x14ac:dyDescent="0.15">
      <c r="A3302" s="3">
        <v>2011412059</v>
      </c>
      <c r="B3302" s="4" t="s">
        <v>3566</v>
      </c>
      <c r="C3302" s="3" t="s">
        <v>3451</v>
      </c>
    </row>
    <row r="3303" spans="1:3" x14ac:dyDescent="0.15">
      <c r="A3303" s="3">
        <v>2011412060</v>
      </c>
      <c r="B3303" s="4" t="s">
        <v>3567</v>
      </c>
      <c r="C3303" s="3" t="s">
        <v>3451</v>
      </c>
    </row>
    <row r="3304" spans="1:3" ht="40.5" x14ac:dyDescent="0.15">
      <c r="A3304" s="3">
        <v>2011412280</v>
      </c>
      <c r="B3304" s="4" t="s">
        <v>3818</v>
      </c>
      <c r="C3304" s="3" t="s">
        <v>3451</v>
      </c>
    </row>
    <row r="3305" spans="1:3" ht="27" x14ac:dyDescent="0.15">
      <c r="A3305" s="3">
        <v>2011412281</v>
      </c>
      <c r="B3305" s="4" t="s">
        <v>3819</v>
      </c>
      <c r="C3305" s="3" t="s">
        <v>3451</v>
      </c>
    </row>
    <row r="3306" spans="1:3" ht="27" x14ac:dyDescent="0.15">
      <c r="A3306" s="3">
        <v>2011412282</v>
      </c>
      <c r="B3306" s="4" t="s">
        <v>3820</v>
      </c>
      <c r="C3306" s="3" t="s">
        <v>3451</v>
      </c>
    </row>
    <row r="3307" spans="1:3" ht="27" x14ac:dyDescent="0.15">
      <c r="A3307" s="3">
        <v>2011412283</v>
      </c>
      <c r="B3307" s="4" t="s">
        <v>3821</v>
      </c>
      <c r="C3307" s="3" t="s">
        <v>3451</v>
      </c>
    </row>
    <row r="3308" spans="1:3" ht="27" x14ac:dyDescent="0.15">
      <c r="A3308" s="3">
        <v>2011412284</v>
      </c>
      <c r="B3308" s="4" t="s">
        <v>3822</v>
      </c>
      <c r="C3308" s="3" t="s">
        <v>3451</v>
      </c>
    </row>
    <row r="3309" spans="1:3" ht="27" x14ac:dyDescent="0.15">
      <c r="A3309" s="3">
        <v>2011412285</v>
      </c>
      <c r="B3309" s="4" t="s">
        <v>3823</v>
      </c>
      <c r="C3309" s="3" t="s">
        <v>3451</v>
      </c>
    </row>
    <row r="3310" spans="1:3" ht="27" x14ac:dyDescent="0.15">
      <c r="A3310" s="3">
        <v>2011412286</v>
      </c>
      <c r="B3310" s="4" t="s">
        <v>3824</v>
      </c>
      <c r="C3310" s="3" t="s">
        <v>3451</v>
      </c>
    </row>
    <row r="3311" spans="1:3" ht="40.5" x14ac:dyDescent="0.15">
      <c r="A3311" s="3">
        <v>2011412287</v>
      </c>
      <c r="B3311" s="4" t="s">
        <v>3825</v>
      </c>
      <c r="C3311" s="3" t="s">
        <v>3451</v>
      </c>
    </row>
    <row r="3312" spans="1:3" ht="27" x14ac:dyDescent="0.15">
      <c r="A3312" s="3">
        <v>2011412288</v>
      </c>
      <c r="B3312" s="4" t="s">
        <v>3826</v>
      </c>
      <c r="C3312" s="3" t="s">
        <v>3451</v>
      </c>
    </row>
    <row r="3313" spans="1:3" ht="27" x14ac:dyDescent="0.15">
      <c r="A3313" s="3">
        <v>2011412289</v>
      </c>
      <c r="B3313" s="4" t="s">
        <v>3827</v>
      </c>
      <c r="C3313" s="3" t="s">
        <v>3451</v>
      </c>
    </row>
    <row r="3314" spans="1:3" ht="27" x14ac:dyDescent="0.15">
      <c r="A3314" s="3">
        <v>2011412290</v>
      </c>
      <c r="B3314" s="4" t="s">
        <v>3828</v>
      </c>
      <c r="C3314" s="3" t="s">
        <v>3451</v>
      </c>
    </row>
    <row r="3315" spans="1:3" ht="27" x14ac:dyDescent="0.15">
      <c r="A3315" s="3">
        <v>2011412291</v>
      </c>
      <c r="B3315" s="4" t="s">
        <v>3829</v>
      </c>
      <c r="C3315" s="3" t="s">
        <v>3451</v>
      </c>
    </row>
    <row r="3316" spans="1:3" ht="27" x14ac:dyDescent="0.15">
      <c r="A3316" s="3">
        <v>2011412292</v>
      </c>
      <c r="B3316" s="4" t="s">
        <v>3830</v>
      </c>
      <c r="C3316" s="3" t="s">
        <v>3451</v>
      </c>
    </row>
    <row r="3317" spans="1:3" ht="27" x14ac:dyDescent="0.15">
      <c r="A3317" s="3">
        <v>2011412293</v>
      </c>
      <c r="B3317" s="4" t="s">
        <v>3831</v>
      </c>
      <c r="C3317" s="3" t="s">
        <v>3451</v>
      </c>
    </row>
    <row r="3318" spans="1:3" ht="27" x14ac:dyDescent="0.15">
      <c r="A3318" s="3">
        <v>2011412294</v>
      </c>
      <c r="B3318" s="4" t="s">
        <v>3832</v>
      </c>
      <c r="C3318" s="3" t="s">
        <v>3451</v>
      </c>
    </row>
    <row r="3319" spans="1:3" ht="27" x14ac:dyDescent="0.15">
      <c r="A3319" s="3">
        <v>2011412295</v>
      </c>
      <c r="B3319" s="4" t="s">
        <v>3833</v>
      </c>
      <c r="C3319" s="3" t="s">
        <v>3451</v>
      </c>
    </row>
    <row r="3320" spans="1:3" ht="27" x14ac:dyDescent="0.15">
      <c r="A3320" s="3">
        <v>2011412296</v>
      </c>
      <c r="B3320" s="4" t="s">
        <v>3834</v>
      </c>
      <c r="C3320" s="3" t="s">
        <v>3451</v>
      </c>
    </row>
    <row r="3321" spans="1:3" ht="27" x14ac:dyDescent="0.15">
      <c r="A3321" s="3">
        <v>2011412297</v>
      </c>
      <c r="B3321" s="4" t="s">
        <v>3835</v>
      </c>
      <c r="C3321" s="3" t="s">
        <v>3451</v>
      </c>
    </row>
    <row r="3322" spans="1:3" ht="27" x14ac:dyDescent="0.15">
      <c r="A3322" s="3">
        <v>2011412298</v>
      </c>
      <c r="B3322" s="4" t="s">
        <v>3836</v>
      </c>
      <c r="C3322" s="3" t="s">
        <v>3451</v>
      </c>
    </row>
    <row r="3323" spans="1:3" x14ac:dyDescent="0.15">
      <c r="A3323" s="3">
        <v>2011412233</v>
      </c>
      <c r="B3323" s="4" t="s">
        <v>3759</v>
      </c>
      <c r="C3323" s="3" t="s">
        <v>3760</v>
      </c>
    </row>
    <row r="3324" spans="1:3" ht="27" x14ac:dyDescent="0.15">
      <c r="A3324" s="3">
        <v>2011410634</v>
      </c>
      <c r="B3324" s="4" t="s">
        <v>1888</v>
      </c>
      <c r="C3324" s="3" t="s">
        <v>1889</v>
      </c>
    </row>
    <row r="3325" spans="1:3" ht="27" x14ac:dyDescent="0.15">
      <c r="A3325" s="3">
        <v>2011412617</v>
      </c>
      <c r="B3325" s="4" t="s">
        <v>4257</v>
      </c>
      <c r="C3325" s="3" t="s">
        <v>1889</v>
      </c>
    </row>
    <row r="3326" spans="1:3" ht="27" x14ac:dyDescent="0.15">
      <c r="A3326" s="3">
        <v>2011412618</v>
      </c>
      <c r="B3326" s="4" t="s">
        <v>4258</v>
      </c>
      <c r="C3326" s="3" t="s">
        <v>1889</v>
      </c>
    </row>
    <row r="3327" spans="1:3" ht="27" x14ac:dyDescent="0.15">
      <c r="A3327" s="3">
        <v>2011412619</v>
      </c>
      <c r="B3327" s="4" t="s">
        <v>4259</v>
      </c>
      <c r="C3327" s="3" t="s">
        <v>1889</v>
      </c>
    </row>
    <row r="3328" spans="1:3" ht="27" x14ac:dyDescent="0.15">
      <c r="A3328" s="3">
        <v>2011412620</v>
      </c>
      <c r="B3328" s="4" t="s">
        <v>4257</v>
      </c>
      <c r="C3328" s="3" t="s">
        <v>1889</v>
      </c>
    </row>
    <row r="3329" spans="1:3" ht="27" x14ac:dyDescent="0.15">
      <c r="A3329" s="3">
        <v>2011412520</v>
      </c>
      <c r="B3329" s="4" t="s">
        <v>4130</v>
      </c>
      <c r="C3329" s="3" t="s">
        <v>4131</v>
      </c>
    </row>
    <row r="3330" spans="1:3" ht="27" x14ac:dyDescent="0.15">
      <c r="A3330" s="3">
        <v>2011412652</v>
      </c>
      <c r="B3330" s="4" t="s">
        <v>4301</v>
      </c>
      <c r="C3330" s="3" t="s">
        <v>4302</v>
      </c>
    </row>
    <row r="3331" spans="1:3" ht="27" x14ac:dyDescent="0.15">
      <c r="A3331" s="3">
        <v>2011412653</v>
      </c>
      <c r="B3331" s="4" t="s">
        <v>4303</v>
      </c>
      <c r="C3331" s="3" t="s">
        <v>4302</v>
      </c>
    </row>
    <row r="3332" spans="1:3" ht="27" x14ac:dyDescent="0.15">
      <c r="A3332" s="3">
        <v>2011412654</v>
      </c>
      <c r="B3332" s="4" t="s">
        <v>4304</v>
      </c>
      <c r="C3332" s="3" t="s">
        <v>4302</v>
      </c>
    </row>
    <row r="3333" spans="1:3" ht="27" x14ac:dyDescent="0.15">
      <c r="A3333" s="3">
        <v>2011412994</v>
      </c>
      <c r="B3333" s="4" t="s">
        <v>4705</v>
      </c>
      <c r="C3333" s="3" t="s">
        <v>4706</v>
      </c>
    </row>
    <row r="3334" spans="1:3" ht="27" x14ac:dyDescent="0.15">
      <c r="A3334" s="3">
        <v>2011412878</v>
      </c>
      <c r="B3334" s="4" t="s">
        <v>4547</v>
      </c>
      <c r="C3334" s="3" t="s">
        <v>4548</v>
      </c>
    </row>
    <row r="3335" spans="1:3" ht="40.5" x14ac:dyDescent="0.15">
      <c r="A3335" s="3">
        <v>2011412933</v>
      </c>
      <c r="B3335" s="4" t="s">
        <v>4622</v>
      </c>
      <c r="C3335" s="3" t="s">
        <v>4623</v>
      </c>
    </row>
    <row r="3336" spans="1:3" ht="40.5" x14ac:dyDescent="0.15">
      <c r="A3336" s="3">
        <v>2011412934</v>
      </c>
      <c r="B3336" s="4" t="s">
        <v>4622</v>
      </c>
      <c r="C3336" s="3" t="s">
        <v>4624</v>
      </c>
    </row>
    <row r="3337" spans="1:3" ht="27" x14ac:dyDescent="0.15">
      <c r="A3337" s="3">
        <v>2011412935</v>
      </c>
      <c r="B3337" s="4" t="s">
        <v>4625</v>
      </c>
      <c r="C3337" s="3" t="s">
        <v>4626</v>
      </c>
    </row>
    <row r="3338" spans="1:3" ht="27" x14ac:dyDescent="0.15">
      <c r="A3338" s="3">
        <v>2011412936</v>
      </c>
      <c r="B3338" s="4" t="s">
        <v>4627</v>
      </c>
      <c r="C3338" s="3" t="s">
        <v>4626</v>
      </c>
    </row>
    <row r="3339" spans="1:3" ht="27" x14ac:dyDescent="0.15">
      <c r="A3339" s="3">
        <v>2011412937</v>
      </c>
      <c r="B3339" s="4" t="s">
        <v>4628</v>
      </c>
      <c r="C3339" s="3" t="s">
        <v>4626</v>
      </c>
    </row>
    <row r="3340" spans="1:3" ht="27" x14ac:dyDescent="0.15">
      <c r="A3340" s="3">
        <v>2011413472</v>
      </c>
      <c r="B3340" s="4" t="s">
        <v>5289</v>
      </c>
      <c r="C3340" s="3" t="s">
        <v>5290</v>
      </c>
    </row>
    <row r="3341" spans="1:3" ht="27" x14ac:dyDescent="0.15">
      <c r="A3341" s="3">
        <v>2011413477</v>
      </c>
      <c r="B3341" s="4" t="s">
        <v>5297</v>
      </c>
      <c r="C3341" s="3" t="s">
        <v>5298</v>
      </c>
    </row>
    <row r="3342" spans="1:3" ht="40.5" x14ac:dyDescent="0.15">
      <c r="A3342" s="3">
        <v>2011414268</v>
      </c>
      <c r="B3342" s="4" t="s">
        <v>6370</v>
      </c>
      <c r="C3342" s="3" t="s">
        <v>6371</v>
      </c>
    </row>
    <row r="3343" spans="1:3" ht="40.5" x14ac:dyDescent="0.15">
      <c r="A3343" s="3">
        <v>2011414269</v>
      </c>
      <c r="B3343" s="4" t="s">
        <v>6370</v>
      </c>
      <c r="C3343" s="3" t="s">
        <v>6372</v>
      </c>
    </row>
    <row r="3344" spans="1:3" ht="40.5" x14ac:dyDescent="0.15">
      <c r="A3344" s="3">
        <v>2011414270</v>
      </c>
      <c r="B3344" s="4" t="s">
        <v>6370</v>
      </c>
      <c r="C3344" s="3" t="s">
        <v>6373</v>
      </c>
    </row>
    <row r="3345" spans="1:3" x14ac:dyDescent="0.15">
      <c r="A3345" s="3">
        <v>2011413736</v>
      </c>
      <c r="B3345" s="4" t="s">
        <v>5609</v>
      </c>
      <c r="C3345" s="3" t="s">
        <v>5610</v>
      </c>
    </row>
    <row r="3346" spans="1:3" ht="27" x14ac:dyDescent="0.15">
      <c r="A3346" s="3">
        <v>2011413755</v>
      </c>
      <c r="B3346" s="4" t="s">
        <v>5638</v>
      </c>
      <c r="C3346" s="3" t="s">
        <v>5639</v>
      </c>
    </row>
    <row r="3347" spans="1:3" x14ac:dyDescent="0.15">
      <c r="A3347" s="3">
        <v>2011413608</v>
      </c>
      <c r="B3347" s="4" t="s">
        <v>5467</v>
      </c>
      <c r="C3347" s="3" t="s">
        <v>5468</v>
      </c>
    </row>
    <row r="3348" spans="1:3" ht="27" x14ac:dyDescent="0.15">
      <c r="A3348" s="3">
        <v>2011413774</v>
      </c>
      <c r="B3348" s="4" t="s">
        <v>5668</v>
      </c>
      <c r="C3348" s="3" t="s">
        <v>5669</v>
      </c>
    </row>
    <row r="3349" spans="1:3" ht="27" x14ac:dyDescent="0.15">
      <c r="A3349" s="3">
        <v>2011413673</v>
      </c>
      <c r="B3349" s="4" t="s">
        <v>5540</v>
      </c>
      <c r="C3349" s="3" t="s">
        <v>5541</v>
      </c>
    </row>
    <row r="3350" spans="1:3" ht="27" x14ac:dyDescent="0.15">
      <c r="A3350" s="3">
        <v>2011413685</v>
      </c>
      <c r="B3350" s="4" t="s">
        <v>5553</v>
      </c>
      <c r="C3350" s="3" t="s">
        <v>5554</v>
      </c>
    </row>
    <row r="3351" spans="1:3" ht="27" x14ac:dyDescent="0.15">
      <c r="A3351" s="3">
        <v>2011410035</v>
      </c>
      <c r="B3351" s="4" t="s">
        <v>1114</v>
      </c>
      <c r="C3351" s="3" t="s">
        <v>1115</v>
      </c>
    </row>
    <row r="3352" spans="1:3" x14ac:dyDescent="0.15">
      <c r="A3352" s="3">
        <v>2011413682</v>
      </c>
      <c r="B3352" s="4" t="s">
        <v>5550</v>
      </c>
      <c r="C3352" s="3" t="s">
        <v>1115</v>
      </c>
    </row>
    <row r="3353" spans="1:3" x14ac:dyDescent="0.15">
      <c r="A3353" s="3">
        <v>2011413683</v>
      </c>
      <c r="B3353" s="4" t="s">
        <v>5551</v>
      </c>
      <c r="C3353" s="3" t="s">
        <v>1115</v>
      </c>
    </row>
    <row r="3354" spans="1:3" ht="27" x14ac:dyDescent="0.15">
      <c r="A3354" s="3">
        <v>2011413684</v>
      </c>
      <c r="B3354" s="4" t="s">
        <v>5552</v>
      </c>
      <c r="C3354" s="3" t="s">
        <v>1115</v>
      </c>
    </row>
    <row r="3355" spans="1:3" ht="40.5" x14ac:dyDescent="0.15">
      <c r="A3355" s="3">
        <v>2011414162</v>
      </c>
      <c r="B3355" s="4" t="s">
        <v>6214</v>
      </c>
      <c r="C3355" s="3" t="s">
        <v>1115</v>
      </c>
    </row>
    <row r="3356" spans="1:3" ht="27" x14ac:dyDescent="0.15">
      <c r="A3356" s="3">
        <v>2011414016</v>
      </c>
      <c r="B3356" s="4" t="s">
        <v>6014</v>
      </c>
      <c r="C3356" s="3" t="s">
        <v>6015</v>
      </c>
    </row>
    <row r="3357" spans="1:3" ht="27" x14ac:dyDescent="0.15">
      <c r="A3357" s="3">
        <v>2011410613</v>
      </c>
      <c r="B3357" s="4" t="s">
        <v>1862</v>
      </c>
      <c r="C3357" s="3" t="s">
        <v>1863</v>
      </c>
    </row>
    <row r="3358" spans="1:3" ht="27" x14ac:dyDescent="0.15">
      <c r="A3358" s="3">
        <v>2011410108</v>
      </c>
      <c r="B3358" s="4" t="s">
        <v>1227</v>
      </c>
      <c r="C3358" s="3" t="s">
        <v>1228</v>
      </c>
    </row>
    <row r="3359" spans="1:3" ht="27" x14ac:dyDescent="0.15">
      <c r="A3359" s="3">
        <v>2011410109</v>
      </c>
      <c r="B3359" s="4" t="s">
        <v>1229</v>
      </c>
      <c r="C3359" s="3" t="s">
        <v>1228</v>
      </c>
    </row>
    <row r="3360" spans="1:3" x14ac:dyDescent="0.15">
      <c r="A3360" s="3">
        <v>2011410110</v>
      </c>
      <c r="B3360" s="4" t="s">
        <v>1230</v>
      </c>
      <c r="C3360" s="3" t="s">
        <v>1228</v>
      </c>
    </row>
    <row r="3361" spans="1:3" x14ac:dyDescent="0.15">
      <c r="A3361" s="3">
        <v>2011410111</v>
      </c>
      <c r="B3361" s="4" t="s">
        <v>1231</v>
      </c>
      <c r="C3361" s="3" t="s">
        <v>1228</v>
      </c>
    </row>
    <row r="3362" spans="1:3" ht="27" x14ac:dyDescent="0.15">
      <c r="A3362" s="3">
        <v>2011410217</v>
      </c>
      <c r="B3362" s="4" t="s">
        <v>1368</v>
      </c>
      <c r="C3362" s="3" t="s">
        <v>1228</v>
      </c>
    </row>
    <row r="3363" spans="1:3" x14ac:dyDescent="0.15">
      <c r="A3363" s="3">
        <v>2011410114</v>
      </c>
      <c r="B3363" s="4" t="s">
        <v>1234</v>
      </c>
      <c r="C3363" s="3" t="s">
        <v>1235</v>
      </c>
    </row>
    <row r="3364" spans="1:3" x14ac:dyDescent="0.15">
      <c r="A3364" s="3">
        <v>2011410115</v>
      </c>
      <c r="B3364" s="4" t="s">
        <v>1236</v>
      </c>
      <c r="C3364" s="3" t="s">
        <v>1235</v>
      </c>
    </row>
    <row r="3365" spans="1:3" x14ac:dyDescent="0.15">
      <c r="A3365" s="3">
        <v>2011410116</v>
      </c>
      <c r="B3365" s="4" t="s">
        <v>1237</v>
      </c>
      <c r="C3365" s="3" t="s">
        <v>1235</v>
      </c>
    </row>
    <row r="3366" spans="1:3" ht="27" x14ac:dyDescent="0.15">
      <c r="A3366" s="3">
        <v>2011410139</v>
      </c>
      <c r="B3366" s="4" t="s">
        <v>1265</v>
      </c>
      <c r="C3366" s="3" t="s">
        <v>1266</v>
      </c>
    </row>
    <row r="3367" spans="1:3" ht="27" x14ac:dyDescent="0.15">
      <c r="A3367" s="3">
        <v>2011410140</v>
      </c>
      <c r="B3367" s="4" t="s">
        <v>1267</v>
      </c>
      <c r="C3367" s="3" t="s">
        <v>1268</v>
      </c>
    </row>
    <row r="3368" spans="1:3" ht="27" x14ac:dyDescent="0.15">
      <c r="A3368" s="3">
        <v>2011414422</v>
      </c>
      <c r="B3368" s="4" t="s">
        <v>6557</v>
      </c>
      <c r="C3368" s="3" t="s">
        <v>6558</v>
      </c>
    </row>
    <row r="3369" spans="1:3" ht="27" x14ac:dyDescent="0.15">
      <c r="A3369" s="3">
        <v>2011414402</v>
      </c>
      <c r="B3369" s="4" t="s">
        <v>6533</v>
      </c>
      <c r="C3369" s="3" t="s">
        <v>6534</v>
      </c>
    </row>
    <row r="3370" spans="1:3" ht="27" x14ac:dyDescent="0.15">
      <c r="A3370" s="3">
        <v>2008400001</v>
      </c>
      <c r="B3370" s="4" t="s">
        <v>5</v>
      </c>
      <c r="C3370" s="3" t="s">
        <v>6</v>
      </c>
    </row>
    <row r="3371" spans="1:3" ht="27" x14ac:dyDescent="0.15">
      <c r="A3371" s="3">
        <v>2008400002</v>
      </c>
      <c r="B3371" s="4" t="s">
        <v>7</v>
      </c>
      <c r="C3371" s="3" t="s">
        <v>6</v>
      </c>
    </row>
    <row r="3372" spans="1:3" ht="27" x14ac:dyDescent="0.15">
      <c r="A3372" s="3">
        <v>2008400003</v>
      </c>
      <c r="B3372" s="4" t="s">
        <v>8</v>
      </c>
      <c r="C3372" s="3" t="s">
        <v>6</v>
      </c>
    </row>
    <row r="3373" spans="1:3" ht="27" x14ac:dyDescent="0.15">
      <c r="A3373" s="3">
        <v>2008400732</v>
      </c>
      <c r="B3373" s="4" t="s">
        <v>856</v>
      </c>
      <c r="C3373" s="3" t="s">
        <v>6</v>
      </c>
    </row>
    <row r="3374" spans="1:3" ht="27" x14ac:dyDescent="0.15">
      <c r="A3374" s="3">
        <v>2008400733</v>
      </c>
      <c r="B3374" s="4" t="s">
        <v>857</v>
      </c>
      <c r="C3374" s="3" t="s">
        <v>6</v>
      </c>
    </row>
    <row r="3375" spans="1:3" ht="27" x14ac:dyDescent="0.15">
      <c r="A3375" s="3">
        <v>2011410123</v>
      </c>
      <c r="B3375" s="4" t="s">
        <v>1250</v>
      </c>
      <c r="C3375" s="3" t="s">
        <v>6</v>
      </c>
    </row>
    <row r="3376" spans="1:3" ht="27" x14ac:dyDescent="0.15">
      <c r="A3376" s="3">
        <v>2011410124</v>
      </c>
      <c r="B3376" s="4" t="s">
        <v>1251</v>
      </c>
      <c r="C3376" s="3" t="s">
        <v>6</v>
      </c>
    </row>
    <row r="3377" spans="1:3" ht="27" x14ac:dyDescent="0.15">
      <c r="A3377" s="3">
        <v>2011410125</v>
      </c>
      <c r="B3377" s="4" t="s">
        <v>1250</v>
      </c>
      <c r="C3377" s="3" t="s">
        <v>6</v>
      </c>
    </row>
    <row r="3378" spans="1:3" ht="27" x14ac:dyDescent="0.15">
      <c r="A3378" s="3">
        <v>2011410126</v>
      </c>
      <c r="B3378" s="4" t="s">
        <v>1252</v>
      </c>
      <c r="C3378" s="3" t="s">
        <v>6</v>
      </c>
    </row>
    <row r="3379" spans="1:3" ht="27" x14ac:dyDescent="0.15">
      <c r="A3379" s="3">
        <v>2011410127</v>
      </c>
      <c r="B3379" s="4" t="s">
        <v>1253</v>
      </c>
      <c r="C3379" s="3" t="s">
        <v>6</v>
      </c>
    </row>
    <row r="3380" spans="1:3" ht="27" x14ac:dyDescent="0.15">
      <c r="A3380" s="3">
        <v>2011410128</v>
      </c>
      <c r="B3380" s="4" t="s">
        <v>1254</v>
      </c>
      <c r="C3380" s="3" t="s">
        <v>6</v>
      </c>
    </row>
    <row r="3381" spans="1:3" ht="27" x14ac:dyDescent="0.15">
      <c r="A3381" s="3">
        <v>2011410129</v>
      </c>
      <c r="B3381" s="4" t="s">
        <v>1255</v>
      </c>
      <c r="C3381" s="3" t="s">
        <v>6</v>
      </c>
    </row>
    <row r="3382" spans="1:3" ht="27" x14ac:dyDescent="0.15">
      <c r="A3382" s="3">
        <v>2011410130</v>
      </c>
      <c r="B3382" s="4" t="s">
        <v>1256</v>
      </c>
      <c r="C3382" s="3" t="s">
        <v>6</v>
      </c>
    </row>
    <row r="3383" spans="1:3" ht="27" x14ac:dyDescent="0.15">
      <c r="A3383" s="3">
        <v>2011410131</v>
      </c>
      <c r="B3383" s="4" t="s">
        <v>1257</v>
      </c>
      <c r="C3383" s="3" t="s">
        <v>6</v>
      </c>
    </row>
    <row r="3384" spans="1:3" ht="27" x14ac:dyDescent="0.15">
      <c r="A3384" s="3">
        <v>2011410132</v>
      </c>
      <c r="B3384" s="4" t="s">
        <v>1258</v>
      </c>
      <c r="C3384" s="3" t="s">
        <v>6</v>
      </c>
    </row>
    <row r="3385" spans="1:3" ht="27" x14ac:dyDescent="0.15">
      <c r="A3385" s="3">
        <v>2011410133</v>
      </c>
      <c r="B3385" s="4" t="s">
        <v>1259</v>
      </c>
      <c r="C3385" s="3" t="s">
        <v>6</v>
      </c>
    </row>
    <row r="3386" spans="1:3" ht="27" x14ac:dyDescent="0.15">
      <c r="A3386" s="3">
        <v>2011410134</v>
      </c>
      <c r="B3386" s="4" t="s">
        <v>1260</v>
      </c>
      <c r="C3386" s="3" t="s">
        <v>6</v>
      </c>
    </row>
    <row r="3387" spans="1:3" ht="27" x14ac:dyDescent="0.15">
      <c r="A3387" s="3">
        <v>2011410135</v>
      </c>
      <c r="B3387" s="4" t="s">
        <v>1261</v>
      </c>
      <c r="C3387" s="3" t="s">
        <v>6</v>
      </c>
    </row>
    <row r="3388" spans="1:3" ht="27" x14ac:dyDescent="0.15">
      <c r="A3388" s="3">
        <v>2011410136</v>
      </c>
      <c r="B3388" s="4" t="s">
        <v>1262</v>
      </c>
      <c r="C3388" s="3" t="s">
        <v>6</v>
      </c>
    </row>
    <row r="3389" spans="1:3" ht="27" x14ac:dyDescent="0.15">
      <c r="A3389" s="3">
        <v>2011410137</v>
      </c>
      <c r="B3389" s="4" t="s">
        <v>1263</v>
      </c>
      <c r="C3389" s="3" t="s">
        <v>6</v>
      </c>
    </row>
    <row r="3390" spans="1:3" ht="27" x14ac:dyDescent="0.15">
      <c r="A3390" s="3">
        <v>2011410138</v>
      </c>
      <c r="B3390" s="4" t="s">
        <v>1264</v>
      </c>
      <c r="C3390" s="3" t="s">
        <v>6</v>
      </c>
    </row>
    <row r="3391" spans="1:3" x14ac:dyDescent="0.15">
      <c r="A3391" s="3">
        <v>2011410223</v>
      </c>
      <c r="B3391" s="4" t="s">
        <v>1375</v>
      </c>
      <c r="C3391" s="3" t="s">
        <v>6</v>
      </c>
    </row>
    <row r="3392" spans="1:3" ht="27" x14ac:dyDescent="0.15">
      <c r="A3392" s="3">
        <v>2011410226</v>
      </c>
      <c r="B3392" s="4" t="s">
        <v>1379</v>
      </c>
      <c r="C3392" s="3" t="s">
        <v>6</v>
      </c>
    </row>
    <row r="3393" spans="1:3" x14ac:dyDescent="0.15">
      <c r="A3393" s="3">
        <v>2011410227</v>
      </c>
      <c r="B3393" s="4" t="s">
        <v>1380</v>
      </c>
      <c r="C3393" s="3" t="s">
        <v>6</v>
      </c>
    </row>
    <row r="3394" spans="1:3" ht="27" x14ac:dyDescent="0.15">
      <c r="A3394" s="3">
        <v>2011414314</v>
      </c>
      <c r="B3394" s="4" t="s">
        <v>6431</v>
      </c>
      <c r="C3394" s="3" t="s">
        <v>6432</v>
      </c>
    </row>
    <row r="3395" spans="1:3" ht="27" x14ac:dyDescent="0.15">
      <c r="A3395" s="3">
        <v>2011414315</v>
      </c>
      <c r="B3395" s="4" t="s">
        <v>6431</v>
      </c>
      <c r="C3395" s="3" t="s">
        <v>6432</v>
      </c>
    </row>
    <row r="3396" spans="1:3" ht="27" x14ac:dyDescent="0.15">
      <c r="A3396" s="3">
        <v>2008400666</v>
      </c>
      <c r="B3396" s="4" t="s">
        <v>794</v>
      </c>
      <c r="C3396" s="3" t="s">
        <v>795</v>
      </c>
    </row>
    <row r="3397" spans="1:3" ht="27" x14ac:dyDescent="0.15">
      <c r="A3397" s="3">
        <v>2008400667</v>
      </c>
      <c r="B3397" s="4" t="s">
        <v>796</v>
      </c>
      <c r="C3397" s="3" t="s">
        <v>795</v>
      </c>
    </row>
    <row r="3398" spans="1:3" ht="27" x14ac:dyDescent="0.15">
      <c r="A3398" s="3">
        <v>2008400668</v>
      </c>
      <c r="B3398" s="4" t="s">
        <v>797</v>
      </c>
      <c r="C3398" s="3" t="s">
        <v>795</v>
      </c>
    </row>
    <row r="3399" spans="1:3" ht="27" x14ac:dyDescent="0.15">
      <c r="A3399" s="3">
        <v>2011410144</v>
      </c>
      <c r="B3399" s="4" t="s">
        <v>1275</v>
      </c>
      <c r="C3399" s="3" t="s">
        <v>795</v>
      </c>
    </row>
    <row r="3400" spans="1:3" ht="27" x14ac:dyDescent="0.15">
      <c r="A3400" s="3">
        <v>2011410145</v>
      </c>
      <c r="B3400" s="4" t="s">
        <v>1276</v>
      </c>
      <c r="C3400" s="3" t="s">
        <v>795</v>
      </c>
    </row>
    <row r="3401" spans="1:3" ht="27" x14ac:dyDescent="0.15">
      <c r="A3401" s="3">
        <v>2011410146</v>
      </c>
      <c r="B3401" s="4" t="s">
        <v>1277</v>
      </c>
      <c r="C3401" s="3" t="s">
        <v>795</v>
      </c>
    </row>
    <row r="3402" spans="1:3" ht="27" x14ac:dyDescent="0.15">
      <c r="A3402" s="3">
        <v>2011410147</v>
      </c>
      <c r="B3402" s="4" t="s">
        <v>1278</v>
      </c>
      <c r="C3402" s="3" t="s">
        <v>795</v>
      </c>
    </row>
    <row r="3403" spans="1:3" ht="27" x14ac:dyDescent="0.15">
      <c r="A3403" s="3">
        <v>2011410148</v>
      </c>
      <c r="B3403" s="4" t="s">
        <v>1279</v>
      </c>
      <c r="C3403" s="3" t="s">
        <v>795</v>
      </c>
    </row>
    <row r="3404" spans="1:3" x14ac:dyDescent="0.15">
      <c r="A3404" s="3">
        <v>2011410228</v>
      </c>
      <c r="B3404" s="4" t="s">
        <v>1381</v>
      </c>
      <c r="C3404" s="3" t="s">
        <v>795</v>
      </c>
    </row>
    <row r="3405" spans="1:3" x14ac:dyDescent="0.15">
      <c r="A3405" s="3">
        <v>2011410229</v>
      </c>
      <c r="B3405" s="4" t="s">
        <v>1382</v>
      </c>
      <c r="C3405" s="3" t="s">
        <v>795</v>
      </c>
    </row>
    <row r="3406" spans="1:3" x14ac:dyDescent="0.15">
      <c r="A3406" s="3">
        <v>2011410230</v>
      </c>
      <c r="B3406" s="4" t="s">
        <v>1383</v>
      </c>
      <c r="C3406" s="3" t="s">
        <v>795</v>
      </c>
    </row>
    <row r="3407" spans="1:3" x14ac:dyDescent="0.15">
      <c r="A3407" s="3">
        <v>2011414443</v>
      </c>
      <c r="B3407" s="4" t="s">
        <v>6586</v>
      </c>
      <c r="C3407" s="3" t="s">
        <v>795</v>
      </c>
    </row>
    <row r="3408" spans="1:3" ht="27" x14ac:dyDescent="0.15">
      <c r="A3408" s="3">
        <v>2008400072</v>
      </c>
      <c r="B3408" s="4" t="s">
        <v>96</v>
      </c>
      <c r="C3408" s="3" t="s">
        <v>97</v>
      </c>
    </row>
    <row r="3409" spans="1:3" x14ac:dyDescent="0.15">
      <c r="A3409" s="3">
        <v>2011410232</v>
      </c>
      <c r="B3409" s="4" t="s">
        <v>1386</v>
      </c>
      <c r="C3409" s="3" t="s">
        <v>97</v>
      </c>
    </row>
    <row r="3410" spans="1:3" ht="27" x14ac:dyDescent="0.15">
      <c r="A3410" s="3">
        <v>2011410150</v>
      </c>
      <c r="B3410" s="4" t="s">
        <v>1282</v>
      </c>
      <c r="C3410" s="3" t="s">
        <v>1283</v>
      </c>
    </row>
    <row r="3411" spans="1:3" ht="27" x14ac:dyDescent="0.15">
      <c r="A3411" s="3">
        <v>2011410235</v>
      </c>
      <c r="B3411" s="4" t="s">
        <v>1390</v>
      </c>
      <c r="C3411" s="3" t="s">
        <v>1391</v>
      </c>
    </row>
    <row r="3412" spans="1:3" ht="27" x14ac:dyDescent="0.15">
      <c r="A3412" s="3">
        <v>2011410154</v>
      </c>
      <c r="B3412" s="4" t="s">
        <v>1288</v>
      </c>
      <c r="C3412" s="3" t="s">
        <v>1289</v>
      </c>
    </row>
    <row r="3413" spans="1:3" ht="27" x14ac:dyDescent="0.15">
      <c r="A3413" s="3">
        <v>2011410155</v>
      </c>
      <c r="B3413" s="4" t="s">
        <v>1290</v>
      </c>
      <c r="C3413" s="3" t="s">
        <v>1289</v>
      </c>
    </row>
    <row r="3414" spans="1:3" ht="27" x14ac:dyDescent="0.15">
      <c r="A3414" s="3">
        <v>2011410156</v>
      </c>
      <c r="B3414" s="4" t="s">
        <v>1291</v>
      </c>
      <c r="C3414" s="3" t="s">
        <v>1289</v>
      </c>
    </row>
    <row r="3415" spans="1:3" ht="27" x14ac:dyDescent="0.15">
      <c r="A3415" s="3">
        <v>2011411220</v>
      </c>
      <c r="B3415" s="4" t="s">
        <v>2561</v>
      </c>
      <c r="C3415" s="3" t="s">
        <v>2562</v>
      </c>
    </row>
    <row r="3416" spans="1:3" ht="27" x14ac:dyDescent="0.15">
      <c r="A3416" s="3">
        <v>2011410183</v>
      </c>
      <c r="B3416" s="4" t="s">
        <v>1323</v>
      </c>
      <c r="C3416" s="3" t="s">
        <v>1324</v>
      </c>
    </row>
    <row r="3417" spans="1:3" ht="27" x14ac:dyDescent="0.15">
      <c r="A3417" s="3">
        <v>2011410184</v>
      </c>
      <c r="B3417" s="4" t="s">
        <v>1325</v>
      </c>
      <c r="C3417" s="3" t="s">
        <v>1324</v>
      </c>
    </row>
    <row r="3418" spans="1:3" ht="27" x14ac:dyDescent="0.15">
      <c r="A3418" s="3">
        <v>2011410202</v>
      </c>
      <c r="B3418" s="4" t="s">
        <v>1347</v>
      </c>
      <c r="C3418" s="3" t="s">
        <v>1348</v>
      </c>
    </row>
    <row r="3419" spans="1:3" ht="27" x14ac:dyDescent="0.15">
      <c r="A3419" s="3">
        <v>2011410203</v>
      </c>
      <c r="B3419" s="4" t="s">
        <v>1347</v>
      </c>
      <c r="C3419" s="3" t="s">
        <v>1348</v>
      </c>
    </row>
    <row r="3420" spans="1:3" x14ac:dyDescent="0.15">
      <c r="A3420" s="3">
        <v>2008400669</v>
      </c>
      <c r="B3420" s="4" t="s">
        <v>798</v>
      </c>
      <c r="C3420" s="3" t="s">
        <v>799</v>
      </c>
    </row>
    <row r="3421" spans="1:3" x14ac:dyDescent="0.15">
      <c r="A3421" s="3">
        <v>2011410205</v>
      </c>
      <c r="B3421" s="4" t="s">
        <v>1351</v>
      </c>
      <c r="C3421" s="3" t="s">
        <v>799</v>
      </c>
    </row>
    <row r="3422" spans="1:3" ht="27" x14ac:dyDescent="0.15">
      <c r="A3422" s="3">
        <v>2011410207</v>
      </c>
      <c r="B3422" s="4" t="s">
        <v>1354</v>
      </c>
      <c r="C3422" s="3" t="s">
        <v>1355</v>
      </c>
    </row>
    <row r="3423" spans="1:3" ht="27" x14ac:dyDescent="0.15">
      <c r="A3423" s="3">
        <v>2011410211</v>
      </c>
      <c r="B3423" s="4" t="s">
        <v>1361</v>
      </c>
      <c r="C3423" s="3" t="s">
        <v>1355</v>
      </c>
    </row>
    <row r="3424" spans="1:3" ht="27" x14ac:dyDescent="0.15">
      <c r="A3424" s="3">
        <v>2008400004</v>
      </c>
      <c r="B3424" s="4" t="s">
        <v>9</v>
      </c>
      <c r="C3424" s="3" t="s">
        <v>10</v>
      </c>
    </row>
    <row r="3425" spans="1:3" ht="27" x14ac:dyDescent="0.15">
      <c r="A3425" s="3">
        <v>2008400670</v>
      </c>
      <c r="B3425" s="4" t="s">
        <v>800</v>
      </c>
      <c r="C3425" s="3" t="s">
        <v>10</v>
      </c>
    </row>
    <row r="3426" spans="1:3" ht="27" x14ac:dyDescent="0.15">
      <c r="A3426" s="3">
        <v>2008400671</v>
      </c>
      <c r="B3426" s="4" t="s">
        <v>801</v>
      </c>
      <c r="C3426" s="3" t="s">
        <v>10</v>
      </c>
    </row>
    <row r="3427" spans="1:3" ht="27" x14ac:dyDescent="0.15">
      <c r="A3427" s="3">
        <v>2011410259</v>
      </c>
      <c r="B3427" s="4" t="s">
        <v>1418</v>
      </c>
      <c r="C3427" s="3" t="s">
        <v>10</v>
      </c>
    </row>
    <row r="3428" spans="1:3" ht="27" x14ac:dyDescent="0.15">
      <c r="A3428" s="3">
        <v>2011410260</v>
      </c>
      <c r="B3428" s="4" t="s">
        <v>1419</v>
      </c>
      <c r="C3428" s="3" t="s">
        <v>10</v>
      </c>
    </row>
    <row r="3429" spans="1:3" x14ac:dyDescent="0.15">
      <c r="A3429" s="3">
        <v>2011410261</v>
      </c>
      <c r="B3429" s="4" t="s">
        <v>1420</v>
      </c>
      <c r="C3429" s="3" t="s">
        <v>10</v>
      </c>
    </row>
    <row r="3430" spans="1:3" ht="27" x14ac:dyDescent="0.15">
      <c r="A3430" s="3">
        <v>2011410262</v>
      </c>
      <c r="B3430" s="4" t="s">
        <v>1421</v>
      </c>
      <c r="C3430" s="3" t="s">
        <v>1422</v>
      </c>
    </row>
    <row r="3431" spans="1:3" x14ac:dyDescent="0.15">
      <c r="A3431" s="3">
        <v>2011410016</v>
      </c>
      <c r="B3431" s="4" t="s">
        <v>1082</v>
      </c>
      <c r="C3431" s="3" t="s">
        <v>1083</v>
      </c>
    </row>
    <row r="3432" spans="1:3" x14ac:dyDescent="0.15">
      <c r="A3432" s="3">
        <v>2011410015</v>
      </c>
      <c r="B3432" s="4" t="s">
        <v>1080</v>
      </c>
      <c r="C3432" s="3" t="s">
        <v>1081</v>
      </c>
    </row>
    <row r="3433" spans="1:3" ht="27" x14ac:dyDescent="0.15">
      <c r="A3433" s="3">
        <v>2011410280</v>
      </c>
      <c r="B3433" s="4" t="s">
        <v>1445</v>
      </c>
      <c r="C3433" s="3" t="s">
        <v>1446</v>
      </c>
    </row>
    <row r="3434" spans="1:3" ht="27" x14ac:dyDescent="0.15">
      <c r="A3434" s="3">
        <v>2011410281</v>
      </c>
      <c r="B3434" s="4" t="s">
        <v>1447</v>
      </c>
      <c r="C3434" s="3" t="s">
        <v>1446</v>
      </c>
    </row>
    <row r="3435" spans="1:3" ht="27" x14ac:dyDescent="0.15">
      <c r="A3435" s="3">
        <v>2011410282</v>
      </c>
      <c r="B3435" s="4" t="s">
        <v>1447</v>
      </c>
      <c r="C3435" s="3" t="s">
        <v>1446</v>
      </c>
    </row>
    <row r="3436" spans="1:3" ht="27" x14ac:dyDescent="0.15">
      <c r="A3436" s="3">
        <v>2011410283</v>
      </c>
      <c r="B3436" s="4" t="s">
        <v>1448</v>
      </c>
      <c r="C3436" s="3" t="s">
        <v>1446</v>
      </c>
    </row>
    <row r="3437" spans="1:3" ht="27" x14ac:dyDescent="0.15">
      <c r="A3437" s="3">
        <v>2011410284</v>
      </c>
      <c r="B3437" s="4" t="s">
        <v>1449</v>
      </c>
      <c r="C3437" s="3" t="s">
        <v>1446</v>
      </c>
    </row>
    <row r="3438" spans="1:3" ht="27" x14ac:dyDescent="0.15">
      <c r="A3438" s="3">
        <v>2011410285</v>
      </c>
      <c r="B3438" s="4" t="s">
        <v>1450</v>
      </c>
      <c r="C3438" s="3" t="s">
        <v>1446</v>
      </c>
    </row>
    <row r="3439" spans="1:3" x14ac:dyDescent="0.15">
      <c r="A3439" s="3">
        <v>2011410286</v>
      </c>
      <c r="B3439" s="4" t="s">
        <v>1451</v>
      </c>
      <c r="C3439" s="3" t="s">
        <v>1446</v>
      </c>
    </row>
    <row r="3440" spans="1:3" ht="27" x14ac:dyDescent="0.15">
      <c r="A3440" s="3">
        <v>2011410287</v>
      </c>
      <c r="B3440" s="4" t="s">
        <v>1452</v>
      </c>
      <c r="C3440" s="3" t="s">
        <v>1446</v>
      </c>
    </row>
    <row r="3441" spans="1:3" x14ac:dyDescent="0.15">
      <c r="A3441" s="3">
        <v>2011410595</v>
      </c>
      <c r="B3441" s="4" t="s">
        <v>1837</v>
      </c>
      <c r="C3441" s="3" t="s">
        <v>1446</v>
      </c>
    </row>
    <row r="3442" spans="1:3" x14ac:dyDescent="0.15">
      <c r="A3442" s="3">
        <v>2011410596</v>
      </c>
      <c r="B3442" s="4" t="s">
        <v>1838</v>
      </c>
      <c r="C3442" s="3" t="s">
        <v>1446</v>
      </c>
    </row>
    <row r="3443" spans="1:3" ht="27" x14ac:dyDescent="0.15">
      <c r="A3443" s="3">
        <v>2011410597</v>
      </c>
      <c r="B3443" s="4" t="s">
        <v>1839</v>
      </c>
      <c r="C3443" s="3" t="s">
        <v>1446</v>
      </c>
    </row>
    <row r="3444" spans="1:3" x14ac:dyDescent="0.15">
      <c r="A3444" s="3">
        <v>2011410602</v>
      </c>
      <c r="B3444" s="4" t="s">
        <v>1848</v>
      </c>
      <c r="C3444" s="3" t="s">
        <v>1849</v>
      </c>
    </row>
    <row r="3445" spans="1:3" ht="27" x14ac:dyDescent="0.15">
      <c r="A3445" s="3">
        <v>2011410302</v>
      </c>
      <c r="B3445" s="4" t="s">
        <v>1474</v>
      </c>
      <c r="C3445" s="3" t="s">
        <v>1475</v>
      </c>
    </row>
    <row r="3446" spans="1:3" ht="27" x14ac:dyDescent="0.15">
      <c r="A3446" s="3">
        <v>2008400734</v>
      </c>
      <c r="B3446" s="4" t="s">
        <v>858</v>
      </c>
      <c r="C3446" s="3" t="s">
        <v>859</v>
      </c>
    </row>
    <row r="3447" spans="1:3" ht="27" x14ac:dyDescent="0.15">
      <c r="A3447" s="3">
        <v>2011410605</v>
      </c>
      <c r="B3447" s="4" t="s">
        <v>1853</v>
      </c>
      <c r="C3447" s="3" t="s">
        <v>859</v>
      </c>
    </row>
    <row r="3448" spans="1:3" ht="27" x14ac:dyDescent="0.15">
      <c r="A3448" s="3">
        <v>2011410606</v>
      </c>
      <c r="B3448" s="4" t="s">
        <v>1854</v>
      </c>
      <c r="C3448" s="3" t="s">
        <v>859</v>
      </c>
    </row>
    <row r="3449" spans="1:3" ht="27" x14ac:dyDescent="0.15">
      <c r="A3449" s="3">
        <v>2011410607</v>
      </c>
      <c r="B3449" s="4" t="s">
        <v>1854</v>
      </c>
      <c r="C3449" s="3" t="s">
        <v>859</v>
      </c>
    </row>
    <row r="3450" spans="1:3" x14ac:dyDescent="0.15">
      <c r="A3450" s="3">
        <v>2011410308</v>
      </c>
      <c r="B3450" s="4" t="s">
        <v>1484</v>
      </c>
      <c r="C3450" s="3" t="s">
        <v>1485</v>
      </c>
    </row>
    <row r="3451" spans="1:3" x14ac:dyDescent="0.15">
      <c r="A3451" s="3">
        <v>2011410309</v>
      </c>
      <c r="B3451" s="4" t="s">
        <v>1486</v>
      </c>
      <c r="C3451" s="3" t="s">
        <v>1485</v>
      </c>
    </row>
    <row r="3452" spans="1:3" ht="27" x14ac:dyDescent="0.15">
      <c r="A3452" s="3">
        <v>2011410310</v>
      </c>
      <c r="B3452" s="4" t="s">
        <v>1487</v>
      </c>
      <c r="C3452" s="3" t="s">
        <v>1485</v>
      </c>
    </row>
    <row r="3453" spans="1:3" ht="27" x14ac:dyDescent="0.15">
      <c r="A3453" s="3">
        <v>2011410311</v>
      </c>
      <c r="B3453" s="4" t="s">
        <v>1487</v>
      </c>
      <c r="C3453" s="3" t="s">
        <v>1485</v>
      </c>
    </row>
    <row r="3454" spans="1:3" ht="27" x14ac:dyDescent="0.15">
      <c r="A3454" s="3">
        <v>2011410312</v>
      </c>
      <c r="B3454" s="4" t="s">
        <v>1487</v>
      </c>
      <c r="C3454" s="3" t="s">
        <v>1485</v>
      </c>
    </row>
    <row r="3455" spans="1:3" x14ac:dyDescent="0.15">
      <c r="A3455" s="3">
        <v>2011410313</v>
      </c>
      <c r="B3455" s="4" t="s">
        <v>1488</v>
      </c>
      <c r="C3455" s="3" t="s">
        <v>1485</v>
      </c>
    </row>
    <row r="3456" spans="1:3" ht="27" x14ac:dyDescent="0.15">
      <c r="A3456" s="3">
        <v>2011410609</v>
      </c>
      <c r="B3456" s="4" t="s">
        <v>1856</v>
      </c>
      <c r="C3456" s="3" t="s">
        <v>1485</v>
      </c>
    </row>
    <row r="3457" spans="1:3" ht="27" x14ac:dyDescent="0.15">
      <c r="A3457" s="3">
        <v>2008400006</v>
      </c>
      <c r="B3457" s="4" t="s">
        <v>13</v>
      </c>
      <c r="C3457" s="3" t="s">
        <v>14</v>
      </c>
    </row>
    <row r="3458" spans="1:3" ht="27" x14ac:dyDescent="0.15">
      <c r="A3458" s="3">
        <v>2008400007</v>
      </c>
      <c r="B3458" s="4" t="s">
        <v>15</v>
      </c>
      <c r="C3458" s="3" t="s">
        <v>14</v>
      </c>
    </row>
    <row r="3459" spans="1:3" ht="27" x14ac:dyDescent="0.15">
      <c r="A3459" s="3">
        <v>2008400074</v>
      </c>
      <c r="B3459" s="4" t="s">
        <v>100</v>
      </c>
      <c r="C3459" s="3" t="s">
        <v>14</v>
      </c>
    </row>
    <row r="3460" spans="1:3" ht="27" x14ac:dyDescent="0.15">
      <c r="A3460" s="3">
        <v>2011410314</v>
      </c>
      <c r="B3460" s="4" t="s">
        <v>1489</v>
      </c>
      <c r="C3460" s="3" t="s">
        <v>14</v>
      </c>
    </row>
    <row r="3461" spans="1:3" ht="27" x14ac:dyDescent="0.15">
      <c r="A3461" s="3">
        <v>2011410315</v>
      </c>
      <c r="B3461" s="4" t="s">
        <v>1490</v>
      </c>
      <c r="C3461" s="3" t="s">
        <v>14</v>
      </c>
    </row>
    <row r="3462" spans="1:3" ht="27" x14ac:dyDescent="0.15">
      <c r="A3462" s="3">
        <v>2011410316</v>
      </c>
      <c r="B3462" s="4" t="s">
        <v>1491</v>
      </c>
      <c r="C3462" s="3" t="s">
        <v>14</v>
      </c>
    </row>
    <row r="3463" spans="1:3" x14ac:dyDescent="0.15">
      <c r="A3463" s="3">
        <v>2011410317</v>
      </c>
      <c r="B3463" s="4" t="s">
        <v>1492</v>
      </c>
      <c r="C3463" s="3" t="s">
        <v>14</v>
      </c>
    </row>
    <row r="3464" spans="1:3" ht="27" x14ac:dyDescent="0.15">
      <c r="A3464" s="3">
        <v>2011410319</v>
      </c>
      <c r="B3464" s="4" t="s">
        <v>1495</v>
      </c>
      <c r="C3464" s="3" t="s">
        <v>14</v>
      </c>
    </row>
    <row r="3465" spans="1:3" x14ac:dyDescent="0.15">
      <c r="A3465" s="3">
        <v>2011410320</v>
      </c>
      <c r="B3465" s="4" t="s">
        <v>1496</v>
      </c>
      <c r="C3465" s="3" t="s">
        <v>14</v>
      </c>
    </row>
    <row r="3466" spans="1:3" ht="27" x14ac:dyDescent="0.15">
      <c r="A3466" s="3">
        <v>2011410321</v>
      </c>
      <c r="B3466" s="4" t="s">
        <v>1497</v>
      </c>
      <c r="C3466" s="3" t="s">
        <v>14</v>
      </c>
    </row>
    <row r="3467" spans="1:3" x14ac:dyDescent="0.15">
      <c r="A3467" s="3">
        <v>2011410322</v>
      </c>
      <c r="B3467" s="4" t="s">
        <v>1498</v>
      </c>
      <c r="C3467" s="3" t="s">
        <v>14</v>
      </c>
    </row>
    <row r="3468" spans="1:3" ht="27" x14ac:dyDescent="0.15">
      <c r="A3468" s="3">
        <v>2011410323</v>
      </c>
      <c r="B3468" s="4" t="s">
        <v>1499</v>
      </c>
      <c r="C3468" s="3" t="s">
        <v>14</v>
      </c>
    </row>
    <row r="3469" spans="1:3" x14ac:dyDescent="0.15">
      <c r="A3469" s="3">
        <v>2011410618</v>
      </c>
      <c r="B3469" s="4" t="s">
        <v>1869</v>
      </c>
      <c r="C3469" s="3" t="s">
        <v>14</v>
      </c>
    </row>
    <row r="3470" spans="1:3" ht="27" x14ac:dyDescent="0.15">
      <c r="A3470" s="3">
        <v>2008400008</v>
      </c>
      <c r="B3470" s="4" t="s">
        <v>16</v>
      </c>
      <c r="C3470" s="3" t="s">
        <v>17</v>
      </c>
    </row>
    <row r="3471" spans="1:3" ht="27" x14ac:dyDescent="0.15">
      <c r="A3471" s="3">
        <v>2008400009</v>
      </c>
      <c r="B3471" s="4" t="s">
        <v>18</v>
      </c>
      <c r="C3471" s="3" t="s">
        <v>17</v>
      </c>
    </row>
    <row r="3472" spans="1:3" ht="27" x14ac:dyDescent="0.15">
      <c r="A3472" s="3">
        <v>2008400672</v>
      </c>
      <c r="B3472" s="4" t="s">
        <v>802</v>
      </c>
      <c r="C3472" s="3" t="s">
        <v>17</v>
      </c>
    </row>
    <row r="3473" spans="1:3" ht="27" x14ac:dyDescent="0.15">
      <c r="A3473" s="3">
        <v>2011410328</v>
      </c>
      <c r="B3473" s="4" t="s">
        <v>1505</v>
      </c>
      <c r="C3473" s="3" t="s">
        <v>17</v>
      </c>
    </row>
    <row r="3474" spans="1:3" ht="40.5" x14ac:dyDescent="0.15">
      <c r="A3474" s="3">
        <v>2011410330</v>
      </c>
      <c r="B3474" s="4" t="s">
        <v>1508</v>
      </c>
      <c r="C3474" s="3" t="s">
        <v>17</v>
      </c>
    </row>
    <row r="3475" spans="1:3" ht="40.5" x14ac:dyDescent="0.15">
      <c r="A3475" s="3">
        <v>2011410331</v>
      </c>
      <c r="B3475" s="4" t="s">
        <v>1508</v>
      </c>
      <c r="C3475" s="3" t="s">
        <v>17</v>
      </c>
    </row>
    <row r="3476" spans="1:3" ht="27" x14ac:dyDescent="0.15">
      <c r="A3476" s="3">
        <v>2011410332</v>
      </c>
      <c r="B3476" s="4" t="s">
        <v>1509</v>
      </c>
      <c r="C3476" s="3" t="s">
        <v>17</v>
      </c>
    </row>
    <row r="3477" spans="1:3" ht="27" x14ac:dyDescent="0.15">
      <c r="A3477" s="3">
        <v>2011410333</v>
      </c>
      <c r="B3477" s="4" t="s">
        <v>1510</v>
      </c>
      <c r="C3477" s="3" t="s">
        <v>17</v>
      </c>
    </row>
    <row r="3478" spans="1:3" x14ac:dyDescent="0.15">
      <c r="A3478" s="3">
        <v>2011410334</v>
      </c>
      <c r="B3478" s="4" t="s">
        <v>1511</v>
      </c>
      <c r="C3478" s="3" t="s">
        <v>17</v>
      </c>
    </row>
    <row r="3479" spans="1:3" ht="27" x14ac:dyDescent="0.15">
      <c r="A3479" s="3">
        <v>2011410335</v>
      </c>
      <c r="B3479" s="4" t="s">
        <v>802</v>
      </c>
      <c r="C3479" s="3" t="s">
        <v>17</v>
      </c>
    </row>
    <row r="3480" spans="1:3" x14ac:dyDescent="0.15">
      <c r="A3480" s="3">
        <v>2011410336</v>
      </c>
      <c r="B3480" s="4" t="s">
        <v>1512</v>
      </c>
      <c r="C3480" s="3" t="s">
        <v>17</v>
      </c>
    </row>
    <row r="3481" spans="1:3" x14ac:dyDescent="0.15">
      <c r="A3481" s="3">
        <v>2011410614</v>
      </c>
      <c r="B3481" s="4" t="s">
        <v>1864</v>
      </c>
      <c r="C3481" s="3" t="s">
        <v>17</v>
      </c>
    </row>
    <row r="3482" spans="1:3" x14ac:dyDescent="0.15">
      <c r="A3482" s="3">
        <v>2011410615</v>
      </c>
      <c r="B3482" s="4" t="s">
        <v>1865</v>
      </c>
      <c r="C3482" s="3" t="s">
        <v>17</v>
      </c>
    </row>
    <row r="3483" spans="1:3" x14ac:dyDescent="0.15">
      <c r="A3483" s="3">
        <v>2011412303</v>
      </c>
      <c r="B3483" s="4" t="s">
        <v>3842</v>
      </c>
      <c r="C3483" s="3" t="s">
        <v>17</v>
      </c>
    </row>
    <row r="3484" spans="1:3" x14ac:dyDescent="0.15">
      <c r="A3484" s="3">
        <v>2011412304</v>
      </c>
      <c r="B3484" s="4" t="s">
        <v>3843</v>
      </c>
      <c r="C3484" s="3" t="s">
        <v>17</v>
      </c>
    </row>
    <row r="3485" spans="1:3" ht="27" x14ac:dyDescent="0.15">
      <c r="A3485" s="3">
        <v>2011410359</v>
      </c>
      <c r="B3485" s="4" t="s">
        <v>1542</v>
      </c>
      <c r="C3485" s="3" t="s">
        <v>1543</v>
      </c>
    </row>
    <row r="3486" spans="1:3" ht="27" x14ac:dyDescent="0.15">
      <c r="A3486" s="3">
        <v>2011410360</v>
      </c>
      <c r="B3486" s="4" t="s">
        <v>1544</v>
      </c>
      <c r="C3486" s="3" t="s">
        <v>1543</v>
      </c>
    </row>
    <row r="3487" spans="1:3" ht="27" x14ac:dyDescent="0.15">
      <c r="A3487" s="3">
        <v>2011410361</v>
      </c>
      <c r="B3487" s="4" t="s">
        <v>1545</v>
      </c>
      <c r="C3487" s="3" t="s">
        <v>1543</v>
      </c>
    </row>
    <row r="3488" spans="1:3" ht="27" x14ac:dyDescent="0.15">
      <c r="A3488" s="3">
        <v>2011410362</v>
      </c>
      <c r="B3488" s="4" t="s">
        <v>1545</v>
      </c>
      <c r="C3488" s="3" t="s">
        <v>1543</v>
      </c>
    </row>
    <row r="3489" spans="1:3" x14ac:dyDescent="0.15">
      <c r="A3489" s="3">
        <v>2011410363</v>
      </c>
      <c r="B3489" s="4" t="s">
        <v>1546</v>
      </c>
      <c r="C3489" s="3" t="s">
        <v>1543</v>
      </c>
    </row>
    <row r="3490" spans="1:3" ht="27" x14ac:dyDescent="0.15">
      <c r="A3490" s="3">
        <v>2011410364</v>
      </c>
      <c r="B3490" s="4" t="s">
        <v>1547</v>
      </c>
      <c r="C3490" s="3" t="s">
        <v>1543</v>
      </c>
    </row>
    <row r="3491" spans="1:3" ht="27" x14ac:dyDescent="0.15">
      <c r="A3491" s="3">
        <v>2011410365</v>
      </c>
      <c r="B3491" s="4" t="s">
        <v>1548</v>
      </c>
      <c r="C3491" s="3" t="s">
        <v>1543</v>
      </c>
    </row>
    <row r="3492" spans="1:3" ht="27" x14ac:dyDescent="0.15">
      <c r="A3492" s="3">
        <v>2011410366</v>
      </c>
      <c r="B3492" s="4" t="s">
        <v>1549</v>
      </c>
      <c r="C3492" s="3" t="s">
        <v>1543</v>
      </c>
    </row>
    <row r="3493" spans="1:3" ht="27" x14ac:dyDescent="0.15">
      <c r="A3493" s="3">
        <v>2011410367</v>
      </c>
      <c r="B3493" s="4" t="s">
        <v>1549</v>
      </c>
      <c r="C3493" s="3" t="s">
        <v>1543</v>
      </c>
    </row>
    <row r="3494" spans="1:3" x14ac:dyDescent="0.15">
      <c r="A3494" s="3">
        <v>2011410630</v>
      </c>
      <c r="B3494" s="4" t="s">
        <v>1884</v>
      </c>
      <c r="C3494" s="3" t="s">
        <v>1543</v>
      </c>
    </row>
    <row r="3495" spans="1:3" ht="27" x14ac:dyDescent="0.15">
      <c r="A3495" s="3">
        <v>2011410368</v>
      </c>
      <c r="B3495" s="4" t="s">
        <v>1550</v>
      </c>
      <c r="C3495" s="3" t="s">
        <v>1551</v>
      </c>
    </row>
    <row r="3496" spans="1:3" ht="27" x14ac:dyDescent="0.15">
      <c r="A3496" s="3">
        <v>2011410369</v>
      </c>
      <c r="B3496" s="4" t="s">
        <v>1552</v>
      </c>
      <c r="C3496" s="3" t="s">
        <v>1551</v>
      </c>
    </row>
    <row r="3497" spans="1:3" ht="27" x14ac:dyDescent="0.15">
      <c r="A3497" s="3">
        <v>2011410370</v>
      </c>
      <c r="B3497" s="4" t="s">
        <v>1553</v>
      </c>
      <c r="C3497" s="3" t="s">
        <v>1551</v>
      </c>
    </row>
    <row r="3498" spans="1:3" ht="27" x14ac:dyDescent="0.15">
      <c r="A3498" s="3">
        <v>2011410371</v>
      </c>
      <c r="B3498" s="4" t="s">
        <v>1554</v>
      </c>
      <c r="C3498" s="3" t="s">
        <v>1551</v>
      </c>
    </row>
    <row r="3499" spans="1:3" x14ac:dyDescent="0.15">
      <c r="A3499" s="3">
        <v>2011410372</v>
      </c>
      <c r="B3499" s="4" t="s">
        <v>1555</v>
      </c>
      <c r="C3499" s="3" t="s">
        <v>1551</v>
      </c>
    </row>
    <row r="3500" spans="1:3" ht="27" x14ac:dyDescent="0.15">
      <c r="A3500" s="3">
        <v>2011410373</v>
      </c>
      <c r="B3500" s="4" t="s">
        <v>1556</v>
      </c>
      <c r="C3500" s="3" t="s">
        <v>1551</v>
      </c>
    </row>
    <row r="3501" spans="1:3" ht="27" x14ac:dyDescent="0.15">
      <c r="A3501" s="3">
        <v>2011410374</v>
      </c>
      <c r="B3501" s="4" t="s">
        <v>1557</v>
      </c>
      <c r="C3501" s="3" t="s">
        <v>1551</v>
      </c>
    </row>
    <row r="3502" spans="1:3" ht="27" x14ac:dyDescent="0.15">
      <c r="A3502" s="3">
        <v>2011410375</v>
      </c>
      <c r="B3502" s="4" t="s">
        <v>1558</v>
      </c>
      <c r="C3502" s="3" t="s">
        <v>1551</v>
      </c>
    </row>
    <row r="3503" spans="1:3" x14ac:dyDescent="0.15">
      <c r="A3503" s="3">
        <v>2011410377</v>
      </c>
      <c r="B3503" s="4" t="s">
        <v>1561</v>
      </c>
      <c r="C3503" s="3" t="s">
        <v>1551</v>
      </c>
    </row>
    <row r="3504" spans="1:3" x14ac:dyDescent="0.15">
      <c r="A3504" s="3">
        <v>2011410378</v>
      </c>
      <c r="B3504" s="4" t="s">
        <v>1562</v>
      </c>
      <c r="C3504" s="3" t="s">
        <v>1551</v>
      </c>
    </row>
    <row r="3505" spans="1:3" ht="27" x14ac:dyDescent="0.15">
      <c r="A3505" s="3">
        <v>2011410379</v>
      </c>
      <c r="B3505" s="4" t="s">
        <v>1563</v>
      </c>
      <c r="C3505" s="3" t="s">
        <v>1551</v>
      </c>
    </row>
    <row r="3506" spans="1:3" x14ac:dyDescent="0.15">
      <c r="A3506" s="3">
        <v>2011410380</v>
      </c>
      <c r="B3506" s="4" t="s">
        <v>1564</v>
      </c>
      <c r="C3506" s="3" t="s">
        <v>1551</v>
      </c>
    </row>
    <row r="3507" spans="1:3" ht="27" x14ac:dyDescent="0.15">
      <c r="A3507" s="3">
        <v>2011410381</v>
      </c>
      <c r="B3507" s="4" t="s">
        <v>1565</v>
      </c>
      <c r="C3507" s="3" t="s">
        <v>1551</v>
      </c>
    </row>
    <row r="3508" spans="1:3" x14ac:dyDescent="0.15">
      <c r="A3508" s="3">
        <v>2011410624</v>
      </c>
      <c r="B3508" s="4" t="s">
        <v>1877</v>
      </c>
      <c r="C3508" s="3" t="s">
        <v>1551</v>
      </c>
    </row>
    <row r="3509" spans="1:3" x14ac:dyDescent="0.15">
      <c r="A3509" s="3">
        <v>2011410625</v>
      </c>
      <c r="B3509" s="4" t="s">
        <v>1878</v>
      </c>
      <c r="C3509" s="3" t="s">
        <v>1551</v>
      </c>
    </row>
    <row r="3510" spans="1:3" ht="27" x14ac:dyDescent="0.15">
      <c r="A3510" s="3">
        <v>2011410626</v>
      </c>
      <c r="B3510" s="4" t="s">
        <v>1879</v>
      </c>
      <c r="C3510" s="3" t="s">
        <v>1551</v>
      </c>
    </row>
    <row r="3511" spans="1:3" ht="27" x14ac:dyDescent="0.15">
      <c r="A3511" s="3">
        <v>2011410627</v>
      </c>
      <c r="B3511" s="4" t="s">
        <v>1880</v>
      </c>
      <c r="C3511" s="3" t="s">
        <v>1551</v>
      </c>
    </row>
    <row r="3512" spans="1:3" ht="27" x14ac:dyDescent="0.15">
      <c r="A3512" s="3">
        <v>2008400012</v>
      </c>
      <c r="B3512" s="4" t="s">
        <v>23</v>
      </c>
      <c r="C3512" s="3" t="s">
        <v>24</v>
      </c>
    </row>
    <row r="3513" spans="1:3" ht="40.5" x14ac:dyDescent="0.15">
      <c r="A3513" s="3">
        <v>2008400013</v>
      </c>
      <c r="B3513" s="4" t="s">
        <v>25</v>
      </c>
      <c r="C3513" s="3" t="s">
        <v>24</v>
      </c>
    </row>
    <row r="3514" spans="1:3" ht="27" x14ac:dyDescent="0.15">
      <c r="A3514" s="3">
        <v>2008400014</v>
      </c>
      <c r="B3514" s="4" t="s">
        <v>26</v>
      </c>
      <c r="C3514" s="3" t="s">
        <v>24</v>
      </c>
    </row>
    <row r="3515" spans="1:3" ht="27" x14ac:dyDescent="0.15">
      <c r="A3515" s="3">
        <v>2008400015</v>
      </c>
      <c r="B3515" s="4" t="s">
        <v>27</v>
      </c>
      <c r="C3515" s="3" t="s">
        <v>24</v>
      </c>
    </row>
    <row r="3516" spans="1:3" ht="27" x14ac:dyDescent="0.15">
      <c r="A3516" s="3">
        <v>2008400016</v>
      </c>
      <c r="B3516" s="4" t="s">
        <v>27</v>
      </c>
      <c r="C3516" s="3" t="s">
        <v>24</v>
      </c>
    </row>
    <row r="3517" spans="1:3" x14ac:dyDescent="0.15">
      <c r="A3517" s="3">
        <v>2008400078</v>
      </c>
      <c r="B3517" s="4" t="s">
        <v>106</v>
      </c>
      <c r="C3517" s="3" t="s">
        <v>24</v>
      </c>
    </row>
    <row r="3518" spans="1:3" ht="27" x14ac:dyDescent="0.15">
      <c r="A3518" s="3">
        <v>2008400676</v>
      </c>
      <c r="B3518" s="4" t="s">
        <v>27</v>
      </c>
      <c r="C3518" s="3" t="s">
        <v>24</v>
      </c>
    </row>
    <row r="3519" spans="1:3" ht="27" x14ac:dyDescent="0.15">
      <c r="A3519" s="3">
        <v>2008400677</v>
      </c>
      <c r="B3519" s="4" t="s">
        <v>807</v>
      </c>
      <c r="C3519" s="3" t="s">
        <v>24</v>
      </c>
    </row>
    <row r="3520" spans="1:3" ht="27" x14ac:dyDescent="0.15">
      <c r="A3520" s="3">
        <v>2008400678</v>
      </c>
      <c r="B3520" s="4" t="s">
        <v>808</v>
      </c>
      <c r="C3520" s="3" t="s">
        <v>24</v>
      </c>
    </row>
    <row r="3521" spans="1:3" ht="27" x14ac:dyDescent="0.15">
      <c r="A3521" s="3">
        <v>2008400679</v>
      </c>
      <c r="B3521" s="4" t="s">
        <v>809</v>
      </c>
      <c r="C3521" s="3" t="s">
        <v>24</v>
      </c>
    </row>
    <row r="3522" spans="1:3" ht="27" x14ac:dyDescent="0.15">
      <c r="A3522" s="3">
        <v>2008400680</v>
      </c>
      <c r="B3522" s="4" t="s">
        <v>810</v>
      </c>
      <c r="C3522" s="3" t="s">
        <v>24</v>
      </c>
    </row>
    <row r="3523" spans="1:3" ht="27" x14ac:dyDescent="0.15">
      <c r="A3523" s="3">
        <v>2008400681</v>
      </c>
      <c r="B3523" s="4" t="s">
        <v>811</v>
      </c>
      <c r="C3523" s="3" t="s">
        <v>24</v>
      </c>
    </row>
    <row r="3524" spans="1:3" ht="27" x14ac:dyDescent="0.15">
      <c r="A3524" s="3">
        <v>2008400682</v>
      </c>
      <c r="B3524" s="4" t="s">
        <v>812</v>
      </c>
      <c r="C3524" s="3" t="s">
        <v>24</v>
      </c>
    </row>
    <row r="3525" spans="1:3" ht="27" x14ac:dyDescent="0.15">
      <c r="A3525" s="3">
        <v>2008400683</v>
      </c>
      <c r="B3525" s="4" t="s">
        <v>813</v>
      </c>
      <c r="C3525" s="3" t="s">
        <v>24</v>
      </c>
    </row>
    <row r="3526" spans="1:3" ht="27" x14ac:dyDescent="0.15">
      <c r="A3526" s="3">
        <v>2008400684</v>
      </c>
      <c r="B3526" s="4" t="s">
        <v>814</v>
      </c>
      <c r="C3526" s="3" t="s">
        <v>24</v>
      </c>
    </row>
    <row r="3527" spans="1:3" ht="27" x14ac:dyDescent="0.15">
      <c r="A3527" s="3">
        <v>2008400685</v>
      </c>
      <c r="B3527" s="4" t="s">
        <v>815</v>
      </c>
      <c r="C3527" s="3" t="s">
        <v>24</v>
      </c>
    </row>
    <row r="3528" spans="1:3" ht="27" x14ac:dyDescent="0.15">
      <c r="A3528" s="3">
        <v>2011410383</v>
      </c>
      <c r="B3528" s="4" t="s">
        <v>1567</v>
      </c>
      <c r="C3528" s="3" t="s">
        <v>24</v>
      </c>
    </row>
    <row r="3529" spans="1:3" ht="27" x14ac:dyDescent="0.15">
      <c r="A3529" s="3">
        <v>2011410384</v>
      </c>
      <c r="B3529" s="4" t="s">
        <v>1568</v>
      </c>
      <c r="C3529" s="3" t="s">
        <v>24</v>
      </c>
    </row>
    <row r="3530" spans="1:3" x14ac:dyDescent="0.15">
      <c r="A3530" s="3">
        <v>2011410385</v>
      </c>
      <c r="B3530" s="4" t="s">
        <v>1569</v>
      </c>
      <c r="C3530" s="3" t="s">
        <v>24</v>
      </c>
    </row>
    <row r="3531" spans="1:3" x14ac:dyDescent="0.15">
      <c r="A3531" s="3">
        <v>2011410386</v>
      </c>
      <c r="B3531" s="4" t="s">
        <v>1570</v>
      </c>
      <c r="C3531" s="3" t="s">
        <v>24</v>
      </c>
    </row>
    <row r="3532" spans="1:3" x14ac:dyDescent="0.15">
      <c r="A3532" s="3">
        <v>2011410387</v>
      </c>
      <c r="B3532" s="4" t="s">
        <v>1571</v>
      </c>
      <c r="C3532" s="3" t="s">
        <v>24</v>
      </c>
    </row>
    <row r="3533" spans="1:3" ht="27" x14ac:dyDescent="0.15">
      <c r="A3533" s="3">
        <v>2011410388</v>
      </c>
      <c r="B3533" s="4" t="s">
        <v>814</v>
      </c>
      <c r="C3533" s="3" t="s">
        <v>24</v>
      </c>
    </row>
    <row r="3534" spans="1:3" ht="27" x14ac:dyDescent="0.15">
      <c r="A3534" s="3">
        <v>2011410389</v>
      </c>
      <c r="B3534" s="4" t="s">
        <v>27</v>
      </c>
      <c r="C3534" s="3" t="s">
        <v>24</v>
      </c>
    </row>
    <row r="3535" spans="1:3" ht="27" x14ac:dyDescent="0.15">
      <c r="A3535" s="3">
        <v>2011410390</v>
      </c>
      <c r="B3535" s="4" t="s">
        <v>1572</v>
      </c>
      <c r="C3535" s="3" t="s">
        <v>24</v>
      </c>
    </row>
    <row r="3536" spans="1:3" x14ac:dyDescent="0.15">
      <c r="A3536" s="3">
        <v>2011410628</v>
      </c>
      <c r="B3536" s="4" t="s">
        <v>1881</v>
      </c>
      <c r="C3536" s="3" t="s">
        <v>24</v>
      </c>
    </row>
    <row r="3537" spans="1:3" ht="27" x14ac:dyDescent="0.15">
      <c r="A3537" s="3">
        <v>2011410633</v>
      </c>
      <c r="B3537" s="4" t="s">
        <v>811</v>
      </c>
      <c r="C3537" s="3" t="s">
        <v>24</v>
      </c>
    </row>
    <row r="3538" spans="1:3" ht="27" x14ac:dyDescent="0.15">
      <c r="A3538" s="3">
        <v>2008400686</v>
      </c>
      <c r="B3538" s="4" t="s">
        <v>816</v>
      </c>
      <c r="C3538" s="3" t="s">
        <v>817</v>
      </c>
    </row>
    <row r="3539" spans="1:3" ht="27" x14ac:dyDescent="0.15">
      <c r="A3539" s="3">
        <v>2008400687</v>
      </c>
      <c r="B3539" s="4" t="s">
        <v>818</v>
      </c>
      <c r="C3539" s="3" t="s">
        <v>817</v>
      </c>
    </row>
    <row r="3540" spans="1:3" ht="27" x14ac:dyDescent="0.15">
      <c r="A3540" s="3">
        <v>2008400736</v>
      </c>
      <c r="B3540" s="4" t="s">
        <v>861</v>
      </c>
      <c r="C3540" s="3" t="s">
        <v>817</v>
      </c>
    </row>
    <row r="3541" spans="1:3" ht="27" x14ac:dyDescent="0.15">
      <c r="A3541" s="3">
        <v>2011410474</v>
      </c>
      <c r="B3541" s="4" t="s">
        <v>1677</v>
      </c>
      <c r="C3541" s="3" t="s">
        <v>817</v>
      </c>
    </row>
    <row r="3542" spans="1:3" x14ac:dyDescent="0.15">
      <c r="A3542" s="3">
        <v>2011410475</v>
      </c>
      <c r="B3542" s="4" t="s">
        <v>1678</v>
      </c>
      <c r="C3542" s="3" t="s">
        <v>817</v>
      </c>
    </row>
    <row r="3543" spans="1:3" x14ac:dyDescent="0.15">
      <c r="A3543" s="3">
        <v>2011410476</v>
      </c>
      <c r="B3543" s="4" t="s">
        <v>1679</v>
      </c>
      <c r="C3543" s="3" t="s">
        <v>817</v>
      </c>
    </row>
    <row r="3544" spans="1:3" x14ac:dyDescent="0.15">
      <c r="A3544" s="3">
        <v>2011410657</v>
      </c>
      <c r="B3544" s="4" t="s">
        <v>1918</v>
      </c>
      <c r="C3544" s="3" t="s">
        <v>817</v>
      </c>
    </row>
    <row r="3545" spans="1:3" ht="27" x14ac:dyDescent="0.15">
      <c r="A3545" s="3">
        <v>2011410658</v>
      </c>
      <c r="B3545" s="4" t="s">
        <v>1919</v>
      </c>
      <c r="C3545" s="3" t="s">
        <v>817</v>
      </c>
    </row>
    <row r="3546" spans="1:3" x14ac:dyDescent="0.15">
      <c r="A3546" s="3">
        <v>2011410659</v>
      </c>
      <c r="B3546" s="4" t="s">
        <v>1920</v>
      </c>
      <c r="C3546" s="3" t="s">
        <v>817</v>
      </c>
    </row>
    <row r="3547" spans="1:3" ht="27" x14ac:dyDescent="0.15">
      <c r="A3547" s="3">
        <v>2011410483</v>
      </c>
      <c r="B3547" s="4" t="s">
        <v>1688</v>
      </c>
      <c r="C3547" s="3" t="s">
        <v>1689</v>
      </c>
    </row>
    <row r="3548" spans="1:3" x14ac:dyDescent="0.15">
      <c r="A3548" s="3">
        <v>2011410484</v>
      </c>
      <c r="B3548" s="4" t="s">
        <v>1690</v>
      </c>
      <c r="C3548" s="3" t="s">
        <v>1689</v>
      </c>
    </row>
    <row r="3549" spans="1:3" x14ac:dyDescent="0.15">
      <c r="A3549" s="3">
        <v>2008400688</v>
      </c>
      <c r="B3549" s="4" t="s">
        <v>819</v>
      </c>
      <c r="C3549" s="3" t="s">
        <v>820</v>
      </c>
    </row>
    <row r="3550" spans="1:3" ht="27" x14ac:dyDescent="0.15">
      <c r="A3550" s="3">
        <v>2008400021</v>
      </c>
      <c r="B3550" s="4" t="s">
        <v>34</v>
      </c>
      <c r="C3550" s="3" t="s">
        <v>35</v>
      </c>
    </row>
    <row r="3551" spans="1:3" ht="27" x14ac:dyDescent="0.15">
      <c r="A3551" s="3">
        <v>2011410492</v>
      </c>
      <c r="B3551" s="4" t="s">
        <v>1703</v>
      </c>
      <c r="C3551" s="3" t="s">
        <v>35</v>
      </c>
    </row>
    <row r="3552" spans="1:3" ht="27" x14ac:dyDescent="0.15">
      <c r="A3552" s="3">
        <v>2011410493</v>
      </c>
      <c r="B3552" s="4" t="s">
        <v>1704</v>
      </c>
      <c r="C3552" s="3" t="s">
        <v>35</v>
      </c>
    </row>
    <row r="3553" spans="1:3" ht="27" x14ac:dyDescent="0.15">
      <c r="A3553" s="3">
        <v>2011410494</v>
      </c>
      <c r="B3553" s="4" t="s">
        <v>1705</v>
      </c>
      <c r="C3553" s="3" t="s">
        <v>35</v>
      </c>
    </row>
    <row r="3554" spans="1:3" ht="27" x14ac:dyDescent="0.15">
      <c r="A3554" s="3">
        <v>2011410495</v>
      </c>
      <c r="B3554" s="4" t="s">
        <v>1706</v>
      </c>
      <c r="C3554" s="3" t="s">
        <v>35</v>
      </c>
    </row>
    <row r="3555" spans="1:3" ht="27" x14ac:dyDescent="0.15">
      <c r="A3555" s="3">
        <v>2011410496</v>
      </c>
      <c r="B3555" s="4" t="s">
        <v>1707</v>
      </c>
      <c r="C3555" s="3" t="s">
        <v>35</v>
      </c>
    </row>
    <row r="3556" spans="1:3" ht="27" x14ac:dyDescent="0.15">
      <c r="A3556" s="3">
        <v>2011410497</v>
      </c>
      <c r="B3556" s="4" t="s">
        <v>1708</v>
      </c>
      <c r="C3556" s="3" t="s">
        <v>35</v>
      </c>
    </row>
    <row r="3557" spans="1:3" ht="27" x14ac:dyDescent="0.15">
      <c r="A3557" s="3">
        <v>2011410498</v>
      </c>
      <c r="B3557" s="4" t="s">
        <v>1709</v>
      </c>
      <c r="C3557" s="3" t="s">
        <v>35</v>
      </c>
    </row>
    <row r="3558" spans="1:3" ht="27" x14ac:dyDescent="0.15">
      <c r="A3558" s="3">
        <v>2011410499</v>
      </c>
      <c r="B3558" s="4" t="s">
        <v>1710</v>
      </c>
      <c r="C3558" s="3" t="s">
        <v>35</v>
      </c>
    </row>
    <row r="3559" spans="1:3" ht="27" x14ac:dyDescent="0.15">
      <c r="A3559" s="3">
        <v>2011410500</v>
      </c>
      <c r="B3559" s="4" t="s">
        <v>1711</v>
      </c>
      <c r="C3559" s="3" t="s">
        <v>35</v>
      </c>
    </row>
    <row r="3560" spans="1:3" ht="27" x14ac:dyDescent="0.15">
      <c r="A3560" s="3">
        <v>2011410501</v>
      </c>
      <c r="B3560" s="4" t="s">
        <v>1712</v>
      </c>
      <c r="C3560" s="3" t="s">
        <v>35</v>
      </c>
    </row>
    <row r="3561" spans="1:3" ht="27" x14ac:dyDescent="0.15">
      <c r="A3561" s="3">
        <v>2011410502</v>
      </c>
      <c r="B3561" s="4" t="s">
        <v>1713</v>
      </c>
      <c r="C3561" s="3" t="s">
        <v>35</v>
      </c>
    </row>
    <row r="3562" spans="1:3" ht="27" x14ac:dyDescent="0.15">
      <c r="A3562" s="3">
        <v>2011410532</v>
      </c>
      <c r="B3562" s="4" t="s">
        <v>1745</v>
      </c>
      <c r="C3562" s="3" t="s">
        <v>1746</v>
      </c>
    </row>
    <row r="3563" spans="1:3" x14ac:dyDescent="0.15">
      <c r="A3563" s="3">
        <v>2011410533</v>
      </c>
      <c r="B3563" s="4" t="s">
        <v>1747</v>
      </c>
      <c r="C3563" s="3" t="s">
        <v>1746</v>
      </c>
    </row>
    <row r="3564" spans="1:3" x14ac:dyDescent="0.15">
      <c r="A3564" s="3">
        <v>2011410534</v>
      </c>
      <c r="B3564" s="4" t="s">
        <v>1747</v>
      </c>
      <c r="C3564" s="3" t="s">
        <v>1746</v>
      </c>
    </row>
    <row r="3565" spans="1:3" ht="27" x14ac:dyDescent="0.15">
      <c r="A3565" s="3">
        <v>2011410535</v>
      </c>
      <c r="B3565" s="4" t="s">
        <v>1748</v>
      </c>
      <c r="C3565" s="3" t="s">
        <v>1746</v>
      </c>
    </row>
    <row r="3566" spans="1:3" ht="27" x14ac:dyDescent="0.15">
      <c r="A3566" s="3">
        <v>2008400079</v>
      </c>
      <c r="B3566" s="4" t="s">
        <v>107</v>
      </c>
      <c r="C3566" s="3" t="s">
        <v>108</v>
      </c>
    </row>
    <row r="3567" spans="1:3" x14ac:dyDescent="0.15">
      <c r="A3567" s="3">
        <v>2011410537</v>
      </c>
      <c r="B3567" s="4" t="s">
        <v>1751</v>
      </c>
      <c r="C3567" s="3" t="s">
        <v>108</v>
      </c>
    </row>
    <row r="3568" spans="1:3" ht="27" x14ac:dyDescent="0.15">
      <c r="A3568" s="3">
        <v>2008400023</v>
      </c>
      <c r="B3568" s="4" t="s">
        <v>38</v>
      </c>
      <c r="C3568" s="3" t="s">
        <v>39</v>
      </c>
    </row>
    <row r="3569" spans="1:3" x14ac:dyDescent="0.15">
      <c r="A3569" s="3">
        <v>2011410540</v>
      </c>
      <c r="B3569" s="4" t="s">
        <v>1755</v>
      </c>
      <c r="C3569" s="3" t="s">
        <v>1756</v>
      </c>
    </row>
    <row r="3570" spans="1:3" x14ac:dyDescent="0.15">
      <c r="A3570" s="3">
        <v>2011410541</v>
      </c>
      <c r="B3570" s="4" t="s">
        <v>1757</v>
      </c>
      <c r="C3570" s="3" t="s">
        <v>1756</v>
      </c>
    </row>
    <row r="3571" spans="1:3" x14ac:dyDescent="0.15">
      <c r="A3571" s="3">
        <v>2011410542</v>
      </c>
      <c r="B3571" s="4" t="s">
        <v>1758</v>
      </c>
      <c r="C3571" s="3" t="s">
        <v>1756</v>
      </c>
    </row>
    <row r="3572" spans="1:3" x14ac:dyDescent="0.15">
      <c r="A3572" s="3">
        <v>2011410545</v>
      </c>
      <c r="B3572" s="4" t="s">
        <v>1762</v>
      </c>
      <c r="C3572" s="3" t="s">
        <v>1756</v>
      </c>
    </row>
    <row r="3573" spans="1:3" x14ac:dyDescent="0.15">
      <c r="A3573" s="3">
        <v>2011410671</v>
      </c>
      <c r="B3573" s="4" t="s">
        <v>1937</v>
      </c>
      <c r="C3573" s="3" t="s">
        <v>1756</v>
      </c>
    </row>
    <row r="3574" spans="1:3" ht="27" x14ac:dyDescent="0.15">
      <c r="A3574" s="3">
        <v>2011410550</v>
      </c>
      <c r="B3574" s="4" t="s">
        <v>1768</v>
      </c>
      <c r="C3574" s="3" t="s">
        <v>1769</v>
      </c>
    </row>
    <row r="3575" spans="1:3" ht="27" x14ac:dyDescent="0.15">
      <c r="A3575" s="3">
        <v>2011410675</v>
      </c>
      <c r="B3575" s="4" t="s">
        <v>1944</v>
      </c>
      <c r="C3575" s="3" t="s">
        <v>1769</v>
      </c>
    </row>
    <row r="3576" spans="1:3" ht="27" x14ac:dyDescent="0.15">
      <c r="A3576" s="3">
        <v>2011410551</v>
      </c>
      <c r="B3576" s="4" t="s">
        <v>1770</v>
      </c>
      <c r="C3576" s="3" t="s">
        <v>1771</v>
      </c>
    </row>
    <row r="3577" spans="1:3" ht="27" x14ac:dyDescent="0.15">
      <c r="A3577" s="3">
        <v>2011410677</v>
      </c>
      <c r="B3577" s="4" t="s">
        <v>1947</v>
      </c>
      <c r="C3577" s="3" t="s">
        <v>1771</v>
      </c>
    </row>
    <row r="3578" spans="1:3" ht="27" x14ac:dyDescent="0.15">
      <c r="A3578" s="3">
        <v>2011410678</v>
      </c>
      <c r="B3578" s="4" t="s">
        <v>1948</v>
      </c>
      <c r="C3578" s="3" t="s">
        <v>1771</v>
      </c>
    </row>
    <row r="3579" spans="1:3" ht="27" x14ac:dyDescent="0.15">
      <c r="A3579" s="3">
        <v>2011410554</v>
      </c>
      <c r="B3579" s="4" t="s">
        <v>1776</v>
      </c>
      <c r="C3579" s="3" t="s">
        <v>1777</v>
      </c>
    </row>
    <row r="3580" spans="1:3" ht="27" x14ac:dyDescent="0.15">
      <c r="A3580" s="3">
        <v>2011410555</v>
      </c>
      <c r="B3580" s="4" t="s">
        <v>1778</v>
      </c>
      <c r="C3580" s="3" t="s">
        <v>1777</v>
      </c>
    </row>
    <row r="3581" spans="1:3" x14ac:dyDescent="0.15">
      <c r="A3581" s="3">
        <v>2011410690</v>
      </c>
      <c r="B3581" s="4" t="s">
        <v>1962</v>
      </c>
      <c r="C3581" s="3" t="s">
        <v>1963</v>
      </c>
    </row>
    <row r="3582" spans="1:3" ht="27" x14ac:dyDescent="0.15">
      <c r="A3582" s="3">
        <v>2011410691</v>
      </c>
      <c r="B3582" s="4" t="s">
        <v>1964</v>
      </c>
      <c r="C3582" s="3" t="s">
        <v>1963</v>
      </c>
    </row>
    <row r="3583" spans="1:3" ht="27" x14ac:dyDescent="0.15">
      <c r="A3583" s="3">
        <v>2008400689</v>
      </c>
      <c r="B3583" s="4" t="s">
        <v>821</v>
      </c>
      <c r="C3583" s="3" t="s">
        <v>822</v>
      </c>
    </row>
    <row r="3584" spans="1:3" ht="27" x14ac:dyDescent="0.15">
      <c r="A3584" s="3">
        <v>2011410694</v>
      </c>
      <c r="B3584" s="4" t="s">
        <v>1968</v>
      </c>
      <c r="C3584" s="3" t="s">
        <v>822</v>
      </c>
    </row>
    <row r="3585" spans="1:3" ht="27" x14ac:dyDescent="0.15">
      <c r="A3585" s="3">
        <v>2011410695</v>
      </c>
      <c r="B3585" s="4" t="s">
        <v>1969</v>
      </c>
      <c r="C3585" s="3" t="s">
        <v>822</v>
      </c>
    </row>
    <row r="3586" spans="1:3" ht="27" x14ac:dyDescent="0.15">
      <c r="A3586" s="3">
        <v>2011410699</v>
      </c>
      <c r="B3586" s="4" t="s">
        <v>1975</v>
      </c>
      <c r="C3586" s="3" t="s">
        <v>822</v>
      </c>
    </row>
    <row r="3587" spans="1:3" ht="27" x14ac:dyDescent="0.15">
      <c r="A3587" s="3">
        <v>2011410702</v>
      </c>
      <c r="B3587" s="4" t="s">
        <v>1979</v>
      </c>
      <c r="C3587" s="3" t="s">
        <v>1980</v>
      </c>
    </row>
    <row r="3588" spans="1:3" x14ac:dyDescent="0.15">
      <c r="A3588" s="3">
        <v>2011410703</v>
      </c>
      <c r="B3588" s="4" t="s">
        <v>1981</v>
      </c>
      <c r="C3588" s="3" t="s">
        <v>1980</v>
      </c>
    </row>
    <row r="3589" spans="1:3" x14ac:dyDescent="0.15">
      <c r="A3589" s="3">
        <v>2011410704</v>
      </c>
      <c r="B3589" s="4" t="s">
        <v>1982</v>
      </c>
      <c r="C3589" s="3" t="s">
        <v>1980</v>
      </c>
    </row>
    <row r="3590" spans="1:3" ht="27" x14ac:dyDescent="0.15">
      <c r="A3590" s="3">
        <v>2008400100</v>
      </c>
      <c r="B3590" s="4" t="s">
        <v>129</v>
      </c>
      <c r="C3590" s="3" t="s">
        <v>130</v>
      </c>
    </row>
    <row r="3591" spans="1:3" ht="27" x14ac:dyDescent="0.15">
      <c r="A3591" s="3">
        <v>2011411078</v>
      </c>
      <c r="B3591" s="4" t="s">
        <v>2386</v>
      </c>
      <c r="C3591" s="3" t="s">
        <v>130</v>
      </c>
    </row>
    <row r="3592" spans="1:3" ht="27" x14ac:dyDescent="0.15">
      <c r="A3592" s="3">
        <v>2011410715</v>
      </c>
      <c r="B3592" s="4" t="s">
        <v>1997</v>
      </c>
      <c r="C3592" s="3" t="s">
        <v>1998</v>
      </c>
    </row>
    <row r="3593" spans="1:3" ht="27" x14ac:dyDescent="0.15">
      <c r="A3593" s="3">
        <v>2011410716</v>
      </c>
      <c r="B3593" s="4" t="s">
        <v>1999</v>
      </c>
      <c r="C3593" s="3" t="s">
        <v>1998</v>
      </c>
    </row>
    <row r="3594" spans="1:3" ht="27" x14ac:dyDescent="0.15">
      <c r="A3594" s="3">
        <v>2011410734</v>
      </c>
      <c r="B3594" s="4" t="s">
        <v>2026</v>
      </c>
      <c r="C3594" s="3" t="s">
        <v>1998</v>
      </c>
    </row>
    <row r="3595" spans="1:3" x14ac:dyDescent="0.15">
      <c r="A3595" s="3">
        <v>2011410738</v>
      </c>
      <c r="B3595" s="4" t="s">
        <v>2031</v>
      </c>
      <c r="C3595" s="3" t="s">
        <v>2032</v>
      </c>
    </row>
    <row r="3596" spans="1:3" x14ac:dyDescent="0.15">
      <c r="A3596" s="3">
        <v>2011410741</v>
      </c>
      <c r="B3596" s="4" t="s">
        <v>2036</v>
      </c>
      <c r="C3596" s="3" t="s">
        <v>2037</v>
      </c>
    </row>
    <row r="3597" spans="1:3" ht="27" x14ac:dyDescent="0.15">
      <c r="A3597" s="3">
        <v>2011410795</v>
      </c>
      <c r="B3597" s="4" t="s">
        <v>2089</v>
      </c>
      <c r="C3597" s="3" t="s">
        <v>2090</v>
      </c>
    </row>
    <row r="3598" spans="1:3" x14ac:dyDescent="0.15">
      <c r="A3598" s="3">
        <v>2011411105</v>
      </c>
      <c r="B3598" s="4" t="s">
        <v>2424</v>
      </c>
      <c r="C3598" s="3" t="s">
        <v>2090</v>
      </c>
    </row>
    <row r="3599" spans="1:3" ht="27" x14ac:dyDescent="0.15">
      <c r="A3599" s="3">
        <v>2011410786</v>
      </c>
      <c r="B3599" s="4" t="s">
        <v>2079</v>
      </c>
      <c r="C3599" s="3" t="s">
        <v>2080</v>
      </c>
    </row>
    <row r="3600" spans="1:3" ht="27" x14ac:dyDescent="0.15">
      <c r="A3600" s="3">
        <v>2011410700</v>
      </c>
      <c r="B3600" s="4" t="s">
        <v>1976</v>
      </c>
      <c r="C3600" s="3" t="s">
        <v>1977</v>
      </c>
    </row>
    <row r="3601" spans="1:3" ht="27" x14ac:dyDescent="0.15">
      <c r="A3601" s="3">
        <v>2011410787</v>
      </c>
      <c r="B3601" s="4" t="s">
        <v>2081</v>
      </c>
      <c r="C3601" s="3" t="s">
        <v>1977</v>
      </c>
    </row>
    <row r="3602" spans="1:3" x14ac:dyDescent="0.15">
      <c r="A3602" s="3">
        <v>2011411049</v>
      </c>
      <c r="B3602" s="4" t="s">
        <v>2350</v>
      </c>
      <c r="C3602" s="3" t="s">
        <v>1977</v>
      </c>
    </row>
    <row r="3603" spans="1:3" ht="40.5" x14ac:dyDescent="0.15">
      <c r="A3603" s="3">
        <v>2011410883</v>
      </c>
      <c r="B3603" s="4" t="s">
        <v>2166</v>
      </c>
      <c r="C3603" s="3" t="s">
        <v>2167</v>
      </c>
    </row>
    <row r="3604" spans="1:3" ht="40.5" x14ac:dyDescent="0.15">
      <c r="A3604" s="3">
        <v>2011410884</v>
      </c>
      <c r="B3604" s="4" t="s">
        <v>2166</v>
      </c>
      <c r="C3604" s="3" t="s">
        <v>2167</v>
      </c>
    </row>
    <row r="3605" spans="1:3" ht="27" x14ac:dyDescent="0.15">
      <c r="A3605" s="3">
        <v>2011410768</v>
      </c>
      <c r="B3605" s="4" t="s">
        <v>2060</v>
      </c>
      <c r="C3605" s="3" t="s">
        <v>2061</v>
      </c>
    </row>
    <row r="3606" spans="1:3" ht="27" x14ac:dyDescent="0.15">
      <c r="A3606" s="3">
        <v>2011410769</v>
      </c>
      <c r="B3606" s="4" t="s">
        <v>2062</v>
      </c>
      <c r="C3606" s="3" t="s">
        <v>2061</v>
      </c>
    </row>
    <row r="3607" spans="1:3" ht="27" x14ac:dyDescent="0.15">
      <c r="A3607" s="3">
        <v>2011410770</v>
      </c>
      <c r="B3607" s="4" t="s">
        <v>2063</v>
      </c>
      <c r="C3607" s="3" t="s">
        <v>2061</v>
      </c>
    </row>
    <row r="3608" spans="1:3" ht="27" x14ac:dyDescent="0.15">
      <c r="A3608" s="3">
        <v>2011410771</v>
      </c>
      <c r="B3608" s="4" t="s">
        <v>2064</v>
      </c>
      <c r="C3608" s="3" t="s">
        <v>2061</v>
      </c>
    </row>
    <row r="3609" spans="1:3" ht="27" x14ac:dyDescent="0.15">
      <c r="A3609" s="3">
        <v>2011410772</v>
      </c>
      <c r="B3609" s="4" t="s">
        <v>2065</v>
      </c>
      <c r="C3609" s="3" t="s">
        <v>2061</v>
      </c>
    </row>
    <row r="3610" spans="1:3" ht="27" x14ac:dyDescent="0.15">
      <c r="A3610" s="3">
        <v>2011410773</v>
      </c>
      <c r="B3610" s="4" t="s">
        <v>2066</v>
      </c>
      <c r="C3610" s="3" t="s">
        <v>2061</v>
      </c>
    </row>
    <row r="3611" spans="1:3" ht="27" x14ac:dyDescent="0.15">
      <c r="A3611" s="3">
        <v>2011410774</v>
      </c>
      <c r="B3611" s="4" t="s">
        <v>2067</v>
      </c>
      <c r="C3611" s="3" t="s">
        <v>2061</v>
      </c>
    </row>
    <row r="3612" spans="1:3" ht="27" x14ac:dyDescent="0.15">
      <c r="A3612" s="3">
        <v>2011410775</v>
      </c>
      <c r="B3612" s="4" t="s">
        <v>2068</v>
      </c>
      <c r="C3612" s="3" t="s">
        <v>2061</v>
      </c>
    </row>
    <row r="3613" spans="1:3" x14ac:dyDescent="0.15">
      <c r="A3613" s="3">
        <v>2011411123</v>
      </c>
      <c r="B3613" s="4" t="s">
        <v>2448</v>
      </c>
      <c r="C3613" s="3" t="s">
        <v>2061</v>
      </c>
    </row>
    <row r="3614" spans="1:3" ht="27" x14ac:dyDescent="0.15">
      <c r="A3614" s="3">
        <v>2011411127</v>
      </c>
      <c r="B3614" s="4" t="s">
        <v>2453</v>
      </c>
      <c r="C3614" s="3" t="s">
        <v>2454</v>
      </c>
    </row>
    <row r="3615" spans="1:3" ht="27" x14ac:dyDescent="0.15">
      <c r="A3615" s="3">
        <v>2008400049</v>
      </c>
      <c r="B3615" s="4" t="s">
        <v>72</v>
      </c>
      <c r="C3615" s="3" t="s">
        <v>73</v>
      </c>
    </row>
    <row r="3616" spans="1:3" ht="27" x14ac:dyDescent="0.15">
      <c r="A3616" s="3">
        <v>2008400083</v>
      </c>
      <c r="B3616" s="4" t="s">
        <v>112</v>
      </c>
      <c r="C3616" s="3" t="s">
        <v>73</v>
      </c>
    </row>
    <row r="3617" spans="1:3" ht="27" x14ac:dyDescent="0.15">
      <c r="A3617" s="3">
        <v>2008400084</v>
      </c>
      <c r="B3617" s="4" t="s">
        <v>113</v>
      </c>
      <c r="C3617" s="3" t="s">
        <v>73</v>
      </c>
    </row>
    <row r="3618" spans="1:3" ht="27" x14ac:dyDescent="0.15">
      <c r="A3618" s="3">
        <v>2008400085</v>
      </c>
      <c r="B3618" s="4" t="s">
        <v>114</v>
      </c>
      <c r="C3618" s="3" t="s">
        <v>73</v>
      </c>
    </row>
    <row r="3619" spans="1:3" ht="27" x14ac:dyDescent="0.15">
      <c r="A3619" s="3">
        <v>2008400086</v>
      </c>
      <c r="B3619" s="4" t="s">
        <v>115</v>
      </c>
      <c r="C3619" s="3" t="s">
        <v>73</v>
      </c>
    </row>
    <row r="3620" spans="1:3" x14ac:dyDescent="0.15">
      <c r="A3620" s="3">
        <v>2011410778</v>
      </c>
      <c r="B3620" s="4" t="s">
        <v>2071</v>
      </c>
      <c r="C3620" s="3" t="s">
        <v>73</v>
      </c>
    </row>
    <row r="3621" spans="1:3" ht="27" x14ac:dyDescent="0.15">
      <c r="A3621" s="3">
        <v>2011410779</v>
      </c>
      <c r="B3621" s="4" t="s">
        <v>2072</v>
      </c>
      <c r="C3621" s="3" t="s">
        <v>73</v>
      </c>
    </row>
    <row r="3622" spans="1:3" ht="27" x14ac:dyDescent="0.15">
      <c r="A3622" s="3">
        <v>2011410780</v>
      </c>
      <c r="B3622" s="4" t="s">
        <v>2073</v>
      </c>
      <c r="C3622" s="3" t="s">
        <v>73</v>
      </c>
    </row>
    <row r="3623" spans="1:3" ht="27" x14ac:dyDescent="0.15">
      <c r="A3623" s="3">
        <v>2011410781</v>
      </c>
      <c r="B3623" s="4" t="s">
        <v>2074</v>
      </c>
      <c r="C3623" s="3" t="s">
        <v>73</v>
      </c>
    </row>
    <row r="3624" spans="1:3" ht="27" x14ac:dyDescent="0.15">
      <c r="A3624" s="3">
        <v>2011410782</v>
      </c>
      <c r="B3624" s="4" t="s">
        <v>2075</v>
      </c>
      <c r="C3624" s="3" t="s">
        <v>73</v>
      </c>
    </row>
    <row r="3625" spans="1:3" ht="27" x14ac:dyDescent="0.15">
      <c r="A3625" s="3">
        <v>2011410783</v>
      </c>
      <c r="B3625" s="4" t="s">
        <v>2076</v>
      </c>
      <c r="C3625" s="3" t="s">
        <v>73</v>
      </c>
    </row>
    <row r="3626" spans="1:3" ht="27" x14ac:dyDescent="0.15">
      <c r="A3626" s="3">
        <v>2011410784</v>
      </c>
      <c r="B3626" s="4" t="s">
        <v>2077</v>
      </c>
      <c r="C3626" s="3" t="s">
        <v>73</v>
      </c>
    </row>
    <row r="3627" spans="1:3" ht="27" x14ac:dyDescent="0.15">
      <c r="A3627" s="3">
        <v>2011410785</v>
      </c>
      <c r="B3627" s="4" t="s">
        <v>2078</v>
      </c>
      <c r="C3627" s="3" t="s">
        <v>73</v>
      </c>
    </row>
    <row r="3628" spans="1:3" ht="27" x14ac:dyDescent="0.15">
      <c r="A3628" s="3">
        <v>2011410788</v>
      </c>
      <c r="B3628" s="4" t="s">
        <v>2082</v>
      </c>
      <c r="C3628" s="3" t="s">
        <v>73</v>
      </c>
    </row>
    <row r="3629" spans="1:3" ht="27" x14ac:dyDescent="0.15">
      <c r="A3629" s="3">
        <v>2011410789</v>
      </c>
      <c r="B3629" s="4" t="s">
        <v>2083</v>
      </c>
      <c r="C3629" s="3" t="s">
        <v>73</v>
      </c>
    </row>
    <row r="3630" spans="1:3" ht="27" x14ac:dyDescent="0.15">
      <c r="A3630" s="3">
        <v>2011410790</v>
      </c>
      <c r="B3630" s="4" t="s">
        <v>2084</v>
      </c>
      <c r="C3630" s="3" t="s">
        <v>73</v>
      </c>
    </row>
    <row r="3631" spans="1:3" ht="27" x14ac:dyDescent="0.15">
      <c r="A3631" s="3">
        <v>2011410791</v>
      </c>
      <c r="B3631" s="4" t="s">
        <v>2085</v>
      </c>
      <c r="C3631" s="3" t="s">
        <v>73</v>
      </c>
    </row>
    <row r="3632" spans="1:3" ht="27" x14ac:dyDescent="0.15">
      <c r="A3632" s="3">
        <v>2011410792</v>
      </c>
      <c r="B3632" s="4" t="s">
        <v>2086</v>
      </c>
      <c r="C3632" s="3" t="s">
        <v>73</v>
      </c>
    </row>
    <row r="3633" spans="1:3" ht="27" x14ac:dyDescent="0.15">
      <c r="A3633" s="3">
        <v>2011410793</v>
      </c>
      <c r="B3633" s="4" t="s">
        <v>2087</v>
      </c>
      <c r="C3633" s="3" t="s">
        <v>73</v>
      </c>
    </row>
    <row r="3634" spans="1:3" ht="27" x14ac:dyDescent="0.15">
      <c r="A3634" s="3">
        <v>2011410794</v>
      </c>
      <c r="B3634" s="4" t="s">
        <v>2088</v>
      </c>
      <c r="C3634" s="3" t="s">
        <v>73</v>
      </c>
    </row>
    <row r="3635" spans="1:3" ht="27" x14ac:dyDescent="0.15">
      <c r="A3635" s="3">
        <v>2011410796</v>
      </c>
      <c r="B3635" s="4" t="s">
        <v>2091</v>
      </c>
      <c r="C3635" s="3" t="s">
        <v>73</v>
      </c>
    </row>
    <row r="3636" spans="1:3" ht="27" x14ac:dyDescent="0.15">
      <c r="A3636" s="3">
        <v>2011410797</v>
      </c>
      <c r="B3636" s="4" t="s">
        <v>2092</v>
      </c>
      <c r="C3636" s="3" t="s">
        <v>73</v>
      </c>
    </row>
    <row r="3637" spans="1:3" ht="27" x14ac:dyDescent="0.15">
      <c r="A3637" s="3">
        <v>2011410798</v>
      </c>
      <c r="B3637" s="4" t="s">
        <v>2093</v>
      </c>
      <c r="C3637" s="3" t="s">
        <v>73</v>
      </c>
    </row>
    <row r="3638" spans="1:3" ht="27" x14ac:dyDescent="0.15">
      <c r="A3638" s="3">
        <v>2011410799</v>
      </c>
      <c r="B3638" s="4" t="s">
        <v>2094</v>
      </c>
      <c r="C3638" s="3" t="s">
        <v>73</v>
      </c>
    </row>
    <row r="3639" spans="1:3" ht="27" x14ac:dyDescent="0.15">
      <c r="A3639" s="3">
        <v>2011410800</v>
      </c>
      <c r="B3639" s="4" t="s">
        <v>2095</v>
      </c>
      <c r="C3639" s="3" t="s">
        <v>73</v>
      </c>
    </row>
    <row r="3640" spans="1:3" x14ac:dyDescent="0.15">
      <c r="A3640" s="3">
        <v>2011410801</v>
      </c>
      <c r="B3640" s="4" t="s">
        <v>2096</v>
      </c>
      <c r="C3640" s="3" t="s">
        <v>73</v>
      </c>
    </row>
    <row r="3641" spans="1:3" ht="27" x14ac:dyDescent="0.15">
      <c r="A3641" s="3">
        <v>2011410802</v>
      </c>
      <c r="B3641" s="4" t="s">
        <v>2097</v>
      </c>
      <c r="C3641" s="3" t="s">
        <v>73</v>
      </c>
    </row>
    <row r="3642" spans="1:3" ht="27" x14ac:dyDescent="0.15">
      <c r="A3642" s="3">
        <v>2011410803</v>
      </c>
      <c r="B3642" s="4" t="s">
        <v>2098</v>
      </c>
      <c r="C3642" s="3" t="s">
        <v>73</v>
      </c>
    </row>
    <row r="3643" spans="1:3" ht="27" x14ac:dyDescent="0.15">
      <c r="A3643" s="3">
        <v>2011410804</v>
      </c>
      <c r="B3643" s="4" t="s">
        <v>2099</v>
      </c>
      <c r="C3643" s="3" t="s">
        <v>73</v>
      </c>
    </row>
    <row r="3644" spans="1:3" ht="27" x14ac:dyDescent="0.15">
      <c r="A3644" s="3">
        <v>2011410805</v>
      </c>
      <c r="B3644" s="4" t="s">
        <v>2100</v>
      </c>
      <c r="C3644" s="3" t="s">
        <v>73</v>
      </c>
    </row>
    <row r="3645" spans="1:3" ht="27" x14ac:dyDescent="0.15">
      <c r="A3645" s="3">
        <v>2011410806</v>
      </c>
      <c r="B3645" s="4" t="s">
        <v>2101</v>
      </c>
      <c r="C3645" s="3" t="s">
        <v>73</v>
      </c>
    </row>
    <row r="3646" spans="1:3" ht="27" x14ac:dyDescent="0.15">
      <c r="A3646" s="3">
        <v>2011410807</v>
      </c>
      <c r="B3646" s="4" t="s">
        <v>2102</v>
      </c>
      <c r="C3646" s="3" t="s">
        <v>73</v>
      </c>
    </row>
    <row r="3647" spans="1:3" x14ac:dyDescent="0.15">
      <c r="A3647" s="3">
        <v>2011410808</v>
      </c>
      <c r="B3647" s="4" t="s">
        <v>2103</v>
      </c>
      <c r="C3647" s="3" t="s">
        <v>73</v>
      </c>
    </row>
    <row r="3648" spans="1:3" ht="27" x14ac:dyDescent="0.15">
      <c r="A3648" s="3">
        <v>2011411128</v>
      </c>
      <c r="B3648" s="4" t="s">
        <v>2455</v>
      </c>
      <c r="C3648" s="3" t="s">
        <v>73</v>
      </c>
    </row>
    <row r="3649" spans="1:3" ht="27" x14ac:dyDescent="0.15">
      <c r="A3649" s="3">
        <v>2011411129</v>
      </c>
      <c r="B3649" s="4" t="s">
        <v>2456</v>
      </c>
      <c r="C3649" s="3" t="s">
        <v>73</v>
      </c>
    </row>
    <row r="3650" spans="1:3" x14ac:dyDescent="0.15">
      <c r="A3650" s="3">
        <v>2011411130</v>
      </c>
      <c r="B3650" s="4" t="s">
        <v>2457</v>
      </c>
      <c r="C3650" s="3" t="s">
        <v>73</v>
      </c>
    </row>
    <row r="3651" spans="1:3" ht="40.5" x14ac:dyDescent="0.15">
      <c r="A3651" s="3">
        <v>2011414320</v>
      </c>
      <c r="B3651" s="4" t="s">
        <v>6436</v>
      </c>
      <c r="C3651" s="3" t="s">
        <v>73</v>
      </c>
    </row>
    <row r="3652" spans="1:3" ht="27" x14ac:dyDescent="0.15">
      <c r="A3652" s="3">
        <v>2011414306</v>
      </c>
      <c r="B3652" s="4" t="s">
        <v>6426</v>
      </c>
      <c r="C3652" s="3" t="s">
        <v>6427</v>
      </c>
    </row>
    <row r="3653" spans="1:3" ht="27" x14ac:dyDescent="0.15">
      <c r="A3653" s="3">
        <v>2011411142</v>
      </c>
      <c r="B3653" s="4" t="s">
        <v>2469</v>
      </c>
      <c r="C3653" s="3" t="s">
        <v>2470</v>
      </c>
    </row>
    <row r="3654" spans="1:3" ht="40.5" x14ac:dyDescent="0.15">
      <c r="A3654" s="3">
        <v>2011411143</v>
      </c>
      <c r="B3654" s="4" t="s">
        <v>2471</v>
      </c>
      <c r="C3654" s="3" t="s">
        <v>2470</v>
      </c>
    </row>
    <row r="3655" spans="1:3" ht="27" x14ac:dyDescent="0.15">
      <c r="A3655" s="3">
        <v>2011411144</v>
      </c>
      <c r="B3655" s="4" t="s">
        <v>2472</v>
      </c>
      <c r="C3655" s="3" t="s">
        <v>2470</v>
      </c>
    </row>
    <row r="3656" spans="1:3" ht="27" x14ac:dyDescent="0.15">
      <c r="A3656" s="3">
        <v>2011414312</v>
      </c>
      <c r="B3656" s="4" t="s">
        <v>2469</v>
      </c>
      <c r="C3656" s="3" t="s">
        <v>2470</v>
      </c>
    </row>
    <row r="3657" spans="1:3" ht="27" x14ac:dyDescent="0.15">
      <c r="A3657" s="3">
        <v>2011414394</v>
      </c>
      <c r="B3657" s="4" t="s">
        <v>6528</v>
      </c>
      <c r="C3657" s="3" t="s">
        <v>2470</v>
      </c>
    </row>
    <row r="3658" spans="1:3" x14ac:dyDescent="0.15">
      <c r="A3658" s="3">
        <v>2011414302</v>
      </c>
      <c r="B3658" s="4" t="s">
        <v>6423</v>
      </c>
      <c r="C3658" s="3" t="s">
        <v>6424</v>
      </c>
    </row>
    <row r="3659" spans="1:3" ht="27" x14ac:dyDescent="0.15">
      <c r="A3659" s="3">
        <v>2011410824</v>
      </c>
      <c r="B3659" s="4" t="s">
        <v>2116</v>
      </c>
      <c r="C3659" s="3" t="s">
        <v>2117</v>
      </c>
    </row>
    <row r="3660" spans="1:3" ht="27" x14ac:dyDescent="0.15">
      <c r="A3660" s="3">
        <v>2011410825</v>
      </c>
      <c r="B3660" s="4" t="s">
        <v>2116</v>
      </c>
      <c r="C3660" s="3" t="s">
        <v>2117</v>
      </c>
    </row>
    <row r="3661" spans="1:3" x14ac:dyDescent="0.15">
      <c r="A3661" s="3">
        <v>2011411145</v>
      </c>
      <c r="B3661" s="4" t="s">
        <v>2473</v>
      </c>
      <c r="C3661" s="3" t="s">
        <v>2117</v>
      </c>
    </row>
    <row r="3662" spans="1:3" ht="27" x14ac:dyDescent="0.15">
      <c r="A3662" s="3">
        <v>2011410877</v>
      </c>
      <c r="B3662" s="4" t="s">
        <v>2161</v>
      </c>
      <c r="C3662" s="3" t="s">
        <v>2162</v>
      </c>
    </row>
    <row r="3663" spans="1:3" ht="27" x14ac:dyDescent="0.15">
      <c r="A3663" s="3">
        <v>2011410878</v>
      </c>
      <c r="B3663" s="4" t="s">
        <v>2161</v>
      </c>
      <c r="C3663" s="3" t="s">
        <v>2162</v>
      </c>
    </row>
    <row r="3664" spans="1:3" ht="27" x14ac:dyDescent="0.15">
      <c r="A3664" s="3">
        <v>2011411146</v>
      </c>
      <c r="B3664" s="4" t="s">
        <v>2474</v>
      </c>
      <c r="C3664" s="3" t="s">
        <v>2162</v>
      </c>
    </row>
    <row r="3665" spans="1:3" ht="27" x14ac:dyDescent="0.15">
      <c r="A3665" s="3">
        <v>2011414308</v>
      </c>
      <c r="B3665" s="4" t="s">
        <v>2474</v>
      </c>
      <c r="C3665" s="3" t="s">
        <v>2162</v>
      </c>
    </row>
    <row r="3666" spans="1:3" ht="27" x14ac:dyDescent="0.15">
      <c r="A3666" s="3">
        <v>2011411147</v>
      </c>
      <c r="B3666" s="4" t="s">
        <v>2475</v>
      </c>
      <c r="C3666" s="3" t="s">
        <v>2476</v>
      </c>
    </row>
    <row r="3667" spans="1:3" ht="27" x14ac:dyDescent="0.15">
      <c r="A3667" s="3">
        <v>2011414309</v>
      </c>
      <c r="B3667" s="4" t="s">
        <v>2475</v>
      </c>
      <c r="C3667" s="3" t="s">
        <v>2476</v>
      </c>
    </row>
    <row r="3668" spans="1:3" x14ac:dyDescent="0.15">
      <c r="A3668" s="3">
        <v>2011412127</v>
      </c>
      <c r="B3668" s="4" t="s">
        <v>3642</v>
      </c>
      <c r="C3668" s="3" t="s">
        <v>3643</v>
      </c>
    </row>
    <row r="3669" spans="1:3" ht="27" x14ac:dyDescent="0.15">
      <c r="A3669" s="3">
        <v>2011414313</v>
      </c>
      <c r="B3669" s="4" t="s">
        <v>6430</v>
      </c>
      <c r="C3669" s="3" t="s">
        <v>3643</v>
      </c>
    </row>
    <row r="3670" spans="1:3" x14ac:dyDescent="0.15">
      <c r="A3670" s="3">
        <v>2011414415</v>
      </c>
      <c r="B3670" s="4" t="s">
        <v>6549</v>
      </c>
      <c r="C3670" s="3" t="s">
        <v>3643</v>
      </c>
    </row>
    <row r="3671" spans="1:3" ht="27" x14ac:dyDescent="0.15">
      <c r="A3671" s="3">
        <v>2011411149</v>
      </c>
      <c r="B3671" s="4" t="s">
        <v>2479</v>
      </c>
      <c r="C3671" s="3" t="s">
        <v>2480</v>
      </c>
    </row>
    <row r="3672" spans="1:3" ht="40.5" x14ac:dyDescent="0.15">
      <c r="A3672" s="3">
        <v>2011411151</v>
      </c>
      <c r="B3672" s="4" t="s">
        <v>2482</v>
      </c>
      <c r="C3672" s="3" t="s">
        <v>2483</v>
      </c>
    </row>
    <row r="3673" spans="1:3" ht="40.5" x14ac:dyDescent="0.15">
      <c r="A3673" s="3">
        <v>2011411152</v>
      </c>
      <c r="B3673" s="4" t="s">
        <v>2482</v>
      </c>
      <c r="C3673" s="3" t="s">
        <v>2483</v>
      </c>
    </row>
    <row r="3674" spans="1:3" x14ac:dyDescent="0.15">
      <c r="A3674" s="3">
        <v>2011411153</v>
      </c>
      <c r="B3674" s="4" t="s">
        <v>2484</v>
      </c>
      <c r="C3674" s="3" t="s">
        <v>2483</v>
      </c>
    </row>
    <row r="3675" spans="1:3" x14ac:dyDescent="0.15">
      <c r="A3675" s="3">
        <v>2011411154</v>
      </c>
      <c r="B3675" s="4" t="s">
        <v>2485</v>
      </c>
      <c r="C3675" s="3" t="s">
        <v>2483</v>
      </c>
    </row>
    <row r="3676" spans="1:3" x14ac:dyDescent="0.15">
      <c r="A3676" s="3">
        <v>2011411155</v>
      </c>
      <c r="B3676" s="4" t="s">
        <v>2485</v>
      </c>
      <c r="C3676" s="3" t="s">
        <v>2483</v>
      </c>
    </row>
    <row r="3677" spans="1:3" x14ac:dyDescent="0.15">
      <c r="A3677" s="3">
        <v>2011414307</v>
      </c>
      <c r="B3677" s="4" t="s">
        <v>2485</v>
      </c>
      <c r="C3677" s="3" t="s">
        <v>2483</v>
      </c>
    </row>
    <row r="3678" spans="1:3" ht="27" x14ac:dyDescent="0.15">
      <c r="A3678" s="3">
        <v>2011414311</v>
      </c>
      <c r="B3678" s="4" t="s">
        <v>6429</v>
      </c>
      <c r="C3678" s="3" t="s">
        <v>2483</v>
      </c>
    </row>
    <row r="3679" spans="1:3" ht="40.5" x14ac:dyDescent="0.15">
      <c r="A3679" s="3">
        <v>2011414423</v>
      </c>
      <c r="B3679" s="4" t="s">
        <v>2482</v>
      </c>
      <c r="C3679" s="3" t="s">
        <v>2483</v>
      </c>
    </row>
    <row r="3680" spans="1:3" ht="27" x14ac:dyDescent="0.15">
      <c r="A3680" s="3">
        <v>2011411156</v>
      </c>
      <c r="B3680" s="4" t="s">
        <v>2486</v>
      </c>
      <c r="C3680" s="3" t="s">
        <v>2487</v>
      </c>
    </row>
    <row r="3681" spans="1:3" x14ac:dyDescent="0.15">
      <c r="A3681" s="3">
        <v>2011414305</v>
      </c>
      <c r="B3681" s="4" t="s">
        <v>6425</v>
      </c>
      <c r="C3681" s="3" t="s">
        <v>2487</v>
      </c>
    </row>
    <row r="3682" spans="1:3" ht="27" x14ac:dyDescent="0.15">
      <c r="A3682" s="3">
        <v>2011411157</v>
      </c>
      <c r="B3682" s="4" t="s">
        <v>2488</v>
      </c>
      <c r="C3682" s="3" t="s">
        <v>2489</v>
      </c>
    </row>
    <row r="3683" spans="1:3" x14ac:dyDescent="0.15">
      <c r="A3683" s="3">
        <v>2011411158</v>
      </c>
      <c r="B3683" s="4" t="s">
        <v>2490</v>
      </c>
      <c r="C3683" s="3" t="s">
        <v>2489</v>
      </c>
    </row>
    <row r="3684" spans="1:3" x14ac:dyDescent="0.15">
      <c r="A3684" s="3">
        <v>2011411159</v>
      </c>
      <c r="B3684" s="4" t="s">
        <v>2490</v>
      </c>
      <c r="C3684" s="3" t="s">
        <v>2489</v>
      </c>
    </row>
    <row r="3685" spans="1:3" ht="54" x14ac:dyDescent="0.15">
      <c r="A3685" s="3">
        <v>2011411160</v>
      </c>
      <c r="B3685" s="4" t="s">
        <v>2491</v>
      </c>
      <c r="C3685" s="3" t="s">
        <v>2489</v>
      </c>
    </row>
    <row r="3686" spans="1:3" ht="54" x14ac:dyDescent="0.15">
      <c r="A3686" s="3">
        <v>2011411161</v>
      </c>
      <c r="B3686" s="4" t="s">
        <v>2491</v>
      </c>
      <c r="C3686" s="3" t="s">
        <v>2489</v>
      </c>
    </row>
    <row r="3687" spans="1:3" x14ac:dyDescent="0.15">
      <c r="A3687" s="3">
        <v>2011411162</v>
      </c>
      <c r="B3687" s="4" t="s">
        <v>2492</v>
      </c>
      <c r="C3687" s="3" t="s">
        <v>2489</v>
      </c>
    </row>
    <row r="3688" spans="1:3" ht="27" x14ac:dyDescent="0.15">
      <c r="A3688" s="3">
        <v>2011411163</v>
      </c>
      <c r="B3688" s="4" t="s">
        <v>2493</v>
      </c>
      <c r="C3688" s="3" t="s">
        <v>2489</v>
      </c>
    </row>
    <row r="3689" spans="1:3" ht="40.5" x14ac:dyDescent="0.15">
      <c r="A3689" s="3">
        <v>2011414310</v>
      </c>
      <c r="B3689" s="4" t="s">
        <v>6428</v>
      </c>
      <c r="C3689" s="3" t="s">
        <v>2489</v>
      </c>
    </row>
    <row r="3690" spans="1:3" ht="27" x14ac:dyDescent="0.15">
      <c r="A3690" s="3">
        <v>2011411164</v>
      </c>
      <c r="B3690" s="4" t="s">
        <v>2494</v>
      </c>
      <c r="C3690" s="3" t="s">
        <v>2495</v>
      </c>
    </row>
    <row r="3691" spans="1:3" ht="40.5" x14ac:dyDescent="0.15">
      <c r="A3691" s="3">
        <v>2011411166</v>
      </c>
      <c r="B3691" s="4" t="s">
        <v>2498</v>
      </c>
      <c r="C3691" s="3" t="s">
        <v>2495</v>
      </c>
    </row>
    <row r="3692" spans="1:3" ht="40.5" x14ac:dyDescent="0.15">
      <c r="A3692" s="3">
        <v>2011411165</v>
      </c>
      <c r="B3692" s="4" t="s">
        <v>2496</v>
      </c>
      <c r="C3692" s="3" t="s">
        <v>2497</v>
      </c>
    </row>
    <row r="3693" spans="1:3" ht="40.5" x14ac:dyDescent="0.15">
      <c r="A3693" s="3">
        <v>2011414303</v>
      </c>
      <c r="B3693" s="4" t="s">
        <v>2496</v>
      </c>
      <c r="C3693" s="3" t="s">
        <v>2497</v>
      </c>
    </row>
    <row r="3694" spans="1:3" ht="27" x14ac:dyDescent="0.15">
      <c r="A3694" s="3">
        <v>2011411169</v>
      </c>
      <c r="B3694" s="4" t="s">
        <v>2500</v>
      </c>
      <c r="C3694" s="3" t="s">
        <v>2501</v>
      </c>
    </row>
    <row r="3695" spans="1:3" x14ac:dyDescent="0.15">
      <c r="A3695" s="3">
        <v>2011410879</v>
      </c>
      <c r="B3695" s="4" t="s">
        <v>2163</v>
      </c>
      <c r="C3695" s="3" t="s">
        <v>2164</v>
      </c>
    </row>
    <row r="3696" spans="1:3" x14ac:dyDescent="0.15">
      <c r="A3696" s="3">
        <v>2011410880</v>
      </c>
      <c r="B3696" s="4" t="s">
        <v>2163</v>
      </c>
      <c r="C3696" s="3" t="s">
        <v>2164</v>
      </c>
    </row>
    <row r="3697" spans="1:3" x14ac:dyDescent="0.15">
      <c r="A3697" s="3">
        <v>2011410881</v>
      </c>
      <c r="B3697" s="4" t="s">
        <v>2163</v>
      </c>
      <c r="C3697" s="3" t="s">
        <v>2164</v>
      </c>
    </row>
    <row r="3698" spans="1:3" x14ac:dyDescent="0.15">
      <c r="A3698" s="3">
        <v>2011414068</v>
      </c>
      <c r="B3698" s="4" t="s">
        <v>2163</v>
      </c>
      <c r="C3698" s="3" t="s">
        <v>2164</v>
      </c>
    </row>
    <row r="3699" spans="1:3" x14ac:dyDescent="0.15">
      <c r="A3699" s="3">
        <v>2008400050</v>
      </c>
      <c r="B3699" s="4" t="s">
        <v>74</v>
      </c>
      <c r="C3699" s="3" t="s">
        <v>75</v>
      </c>
    </row>
    <row r="3700" spans="1:3" ht="27" x14ac:dyDescent="0.15">
      <c r="A3700" s="3">
        <v>2008400051</v>
      </c>
      <c r="B3700" s="4" t="s">
        <v>76</v>
      </c>
      <c r="C3700" s="3" t="s">
        <v>75</v>
      </c>
    </row>
    <row r="3701" spans="1:3" ht="27" x14ac:dyDescent="0.15">
      <c r="A3701" s="3">
        <v>2008400052</v>
      </c>
      <c r="B3701" s="4" t="s">
        <v>77</v>
      </c>
      <c r="C3701" s="3" t="s">
        <v>75</v>
      </c>
    </row>
    <row r="3702" spans="1:3" ht="27" x14ac:dyDescent="0.15">
      <c r="A3702" s="3">
        <v>2008400053</v>
      </c>
      <c r="B3702" s="4" t="s">
        <v>77</v>
      </c>
      <c r="C3702" s="3" t="s">
        <v>75</v>
      </c>
    </row>
    <row r="3703" spans="1:3" ht="27" x14ac:dyDescent="0.15">
      <c r="A3703" s="3">
        <v>2008400054</v>
      </c>
      <c r="B3703" s="4" t="s">
        <v>78</v>
      </c>
      <c r="C3703" s="3" t="s">
        <v>75</v>
      </c>
    </row>
    <row r="3704" spans="1:3" ht="27" x14ac:dyDescent="0.15">
      <c r="A3704" s="3">
        <v>2008400055</v>
      </c>
      <c r="B3704" s="4" t="s">
        <v>79</v>
      </c>
      <c r="C3704" s="3" t="s">
        <v>75</v>
      </c>
    </row>
    <row r="3705" spans="1:3" ht="27" x14ac:dyDescent="0.15">
      <c r="A3705" s="3">
        <v>2008400056</v>
      </c>
      <c r="B3705" s="4" t="s">
        <v>80</v>
      </c>
      <c r="C3705" s="3" t="s">
        <v>75</v>
      </c>
    </row>
    <row r="3706" spans="1:3" ht="27" x14ac:dyDescent="0.15">
      <c r="A3706" s="3">
        <v>2008400057</v>
      </c>
      <c r="B3706" s="4" t="s">
        <v>81</v>
      </c>
      <c r="C3706" s="3" t="s">
        <v>75</v>
      </c>
    </row>
    <row r="3707" spans="1:3" ht="27" x14ac:dyDescent="0.15">
      <c r="A3707" s="3">
        <v>2008400058</v>
      </c>
      <c r="B3707" s="4" t="s">
        <v>82</v>
      </c>
      <c r="C3707" s="3" t="s">
        <v>75</v>
      </c>
    </row>
    <row r="3708" spans="1:3" ht="27" x14ac:dyDescent="0.15">
      <c r="A3708" s="3">
        <v>2008400059</v>
      </c>
      <c r="B3708" s="4" t="s">
        <v>83</v>
      </c>
      <c r="C3708" s="3" t="s">
        <v>75</v>
      </c>
    </row>
    <row r="3709" spans="1:3" ht="27" x14ac:dyDescent="0.15">
      <c r="A3709" s="3">
        <v>2008400060</v>
      </c>
      <c r="B3709" s="4" t="s">
        <v>84</v>
      </c>
      <c r="C3709" s="3" t="s">
        <v>75</v>
      </c>
    </row>
    <row r="3710" spans="1:3" ht="27" x14ac:dyDescent="0.15">
      <c r="A3710" s="3">
        <v>2008400061</v>
      </c>
      <c r="B3710" s="4" t="s">
        <v>85</v>
      </c>
      <c r="C3710" s="3" t="s">
        <v>75</v>
      </c>
    </row>
    <row r="3711" spans="1:3" ht="27" x14ac:dyDescent="0.15">
      <c r="A3711" s="3">
        <v>2008400062</v>
      </c>
      <c r="B3711" s="4" t="s">
        <v>86</v>
      </c>
      <c r="C3711" s="3" t="s">
        <v>75</v>
      </c>
    </row>
    <row r="3712" spans="1:3" ht="27" x14ac:dyDescent="0.15">
      <c r="A3712" s="3">
        <v>2008400063</v>
      </c>
      <c r="B3712" s="4" t="s">
        <v>87</v>
      </c>
      <c r="C3712" s="3" t="s">
        <v>75</v>
      </c>
    </row>
    <row r="3713" spans="1:3" ht="27" x14ac:dyDescent="0.15">
      <c r="A3713" s="3">
        <v>2008400064</v>
      </c>
      <c r="B3713" s="4" t="s">
        <v>88</v>
      </c>
      <c r="C3713" s="3" t="s">
        <v>75</v>
      </c>
    </row>
    <row r="3714" spans="1:3" ht="27" x14ac:dyDescent="0.15">
      <c r="A3714" s="3">
        <v>2008400065</v>
      </c>
      <c r="B3714" s="4" t="s">
        <v>89</v>
      </c>
      <c r="C3714" s="3" t="s">
        <v>75</v>
      </c>
    </row>
    <row r="3715" spans="1:3" ht="27" x14ac:dyDescent="0.15">
      <c r="A3715" s="3">
        <v>2008400066</v>
      </c>
      <c r="B3715" s="4" t="s">
        <v>90</v>
      </c>
      <c r="C3715" s="3" t="s">
        <v>75</v>
      </c>
    </row>
    <row r="3716" spans="1:3" ht="27" x14ac:dyDescent="0.15">
      <c r="A3716" s="3">
        <v>2008400067</v>
      </c>
      <c r="B3716" s="4" t="s">
        <v>91</v>
      </c>
      <c r="C3716" s="3" t="s">
        <v>75</v>
      </c>
    </row>
    <row r="3717" spans="1:3" ht="27" x14ac:dyDescent="0.15">
      <c r="A3717" s="3">
        <v>2008400068</v>
      </c>
      <c r="B3717" s="4" t="s">
        <v>92</v>
      </c>
      <c r="C3717" s="3" t="s">
        <v>75</v>
      </c>
    </row>
    <row r="3718" spans="1:3" ht="27" x14ac:dyDescent="0.15">
      <c r="A3718" s="3">
        <v>2008400069</v>
      </c>
      <c r="B3718" s="4" t="s">
        <v>93</v>
      </c>
      <c r="C3718" s="3" t="s">
        <v>75</v>
      </c>
    </row>
    <row r="3719" spans="1:3" ht="27" x14ac:dyDescent="0.15">
      <c r="A3719" s="3">
        <v>2008400070</v>
      </c>
      <c r="B3719" s="4" t="s">
        <v>94</v>
      </c>
      <c r="C3719" s="3" t="s">
        <v>75</v>
      </c>
    </row>
    <row r="3720" spans="1:3" x14ac:dyDescent="0.15">
      <c r="A3720" s="3">
        <v>2008400071</v>
      </c>
      <c r="B3720" s="4" t="s">
        <v>95</v>
      </c>
      <c r="C3720" s="3" t="s">
        <v>75</v>
      </c>
    </row>
    <row r="3721" spans="1:3" ht="27" x14ac:dyDescent="0.15">
      <c r="A3721" s="3">
        <v>2008400087</v>
      </c>
      <c r="B3721" s="4" t="s">
        <v>116</v>
      </c>
      <c r="C3721" s="3" t="s">
        <v>75</v>
      </c>
    </row>
    <row r="3722" spans="1:3" ht="27" x14ac:dyDescent="0.15">
      <c r="A3722" s="3">
        <v>2008400088</v>
      </c>
      <c r="B3722" s="4" t="s">
        <v>117</v>
      </c>
      <c r="C3722" s="3" t="s">
        <v>75</v>
      </c>
    </row>
    <row r="3723" spans="1:3" ht="27" x14ac:dyDescent="0.15">
      <c r="A3723" s="3">
        <v>2008400089</v>
      </c>
      <c r="B3723" s="4" t="s">
        <v>118</v>
      </c>
      <c r="C3723" s="3" t="s">
        <v>75</v>
      </c>
    </row>
    <row r="3724" spans="1:3" ht="27" x14ac:dyDescent="0.15">
      <c r="A3724" s="3">
        <v>2008400090</v>
      </c>
      <c r="B3724" s="4" t="s">
        <v>119</v>
      </c>
      <c r="C3724" s="3" t="s">
        <v>75</v>
      </c>
    </row>
    <row r="3725" spans="1:3" ht="27" x14ac:dyDescent="0.15">
      <c r="A3725" s="3">
        <v>2008400091</v>
      </c>
      <c r="B3725" s="4" t="s">
        <v>120</v>
      </c>
      <c r="C3725" s="3" t="s">
        <v>75</v>
      </c>
    </row>
    <row r="3726" spans="1:3" ht="27" x14ac:dyDescent="0.15">
      <c r="A3726" s="3">
        <v>2008400092</v>
      </c>
      <c r="B3726" s="4" t="s">
        <v>121</v>
      </c>
      <c r="C3726" s="3" t="s">
        <v>75</v>
      </c>
    </row>
    <row r="3727" spans="1:3" ht="27" x14ac:dyDescent="0.15">
      <c r="A3727" s="3">
        <v>2008400093</v>
      </c>
      <c r="B3727" s="4" t="s">
        <v>122</v>
      </c>
      <c r="C3727" s="3" t="s">
        <v>75</v>
      </c>
    </row>
    <row r="3728" spans="1:3" ht="27" x14ac:dyDescent="0.15">
      <c r="A3728" s="3">
        <v>2008400094</v>
      </c>
      <c r="B3728" s="4" t="s">
        <v>123</v>
      </c>
      <c r="C3728" s="3" t="s">
        <v>75</v>
      </c>
    </row>
    <row r="3729" spans="1:3" ht="27" x14ac:dyDescent="0.15">
      <c r="A3729" s="3">
        <v>2008400095</v>
      </c>
      <c r="B3729" s="4" t="s">
        <v>124</v>
      </c>
      <c r="C3729" s="3" t="s">
        <v>75</v>
      </c>
    </row>
    <row r="3730" spans="1:3" x14ac:dyDescent="0.15">
      <c r="A3730" s="3">
        <v>2008400096</v>
      </c>
      <c r="B3730" s="4" t="s">
        <v>125</v>
      </c>
      <c r="C3730" s="3" t="s">
        <v>75</v>
      </c>
    </row>
    <row r="3731" spans="1:3" ht="27" x14ac:dyDescent="0.15">
      <c r="A3731" s="3">
        <v>2008400097</v>
      </c>
      <c r="B3731" s="4" t="s">
        <v>126</v>
      </c>
      <c r="C3731" s="3" t="s">
        <v>75</v>
      </c>
    </row>
    <row r="3732" spans="1:3" ht="27" x14ac:dyDescent="0.15">
      <c r="A3732" s="3">
        <v>2008400098</v>
      </c>
      <c r="B3732" s="4" t="s">
        <v>127</v>
      </c>
      <c r="C3732" s="3" t="s">
        <v>75</v>
      </c>
    </row>
    <row r="3733" spans="1:3" ht="27" x14ac:dyDescent="0.15">
      <c r="A3733" s="3">
        <v>2008400099</v>
      </c>
      <c r="B3733" s="4" t="s">
        <v>128</v>
      </c>
      <c r="C3733" s="3" t="s">
        <v>75</v>
      </c>
    </row>
    <row r="3734" spans="1:3" x14ac:dyDescent="0.15">
      <c r="A3734" s="3">
        <v>2008400101</v>
      </c>
      <c r="B3734" s="4" t="s">
        <v>131</v>
      </c>
      <c r="C3734" s="3" t="s">
        <v>75</v>
      </c>
    </row>
    <row r="3735" spans="1:3" x14ac:dyDescent="0.15">
      <c r="A3735" s="3">
        <v>2008400102</v>
      </c>
      <c r="B3735" s="4" t="s">
        <v>132</v>
      </c>
      <c r="C3735" s="3" t="s">
        <v>75</v>
      </c>
    </row>
    <row r="3736" spans="1:3" ht="27" x14ac:dyDescent="0.15">
      <c r="A3736" s="3">
        <v>2008400103</v>
      </c>
      <c r="B3736" s="4" t="s">
        <v>133</v>
      </c>
      <c r="C3736" s="3" t="s">
        <v>75</v>
      </c>
    </row>
    <row r="3737" spans="1:3" ht="27" x14ac:dyDescent="0.15">
      <c r="A3737" s="3">
        <v>2008400104</v>
      </c>
      <c r="B3737" s="4" t="s">
        <v>134</v>
      </c>
      <c r="C3737" s="3" t="s">
        <v>75</v>
      </c>
    </row>
    <row r="3738" spans="1:3" ht="27" x14ac:dyDescent="0.15">
      <c r="A3738" s="3">
        <v>2008400105</v>
      </c>
      <c r="B3738" s="4" t="s">
        <v>135</v>
      </c>
      <c r="C3738" s="3" t="s">
        <v>75</v>
      </c>
    </row>
    <row r="3739" spans="1:3" ht="27" x14ac:dyDescent="0.15">
      <c r="A3739" s="3">
        <v>2008400106</v>
      </c>
      <c r="B3739" s="4" t="s">
        <v>136</v>
      </c>
      <c r="C3739" s="3" t="s">
        <v>75</v>
      </c>
    </row>
    <row r="3740" spans="1:3" ht="40.5" x14ac:dyDescent="0.15">
      <c r="A3740" s="3">
        <v>2008400107</v>
      </c>
      <c r="B3740" s="4" t="s">
        <v>137</v>
      </c>
      <c r="C3740" s="3" t="s">
        <v>75</v>
      </c>
    </row>
    <row r="3741" spans="1:3" ht="27" x14ac:dyDescent="0.15">
      <c r="A3741" s="3">
        <v>2008400108</v>
      </c>
      <c r="B3741" s="4" t="s">
        <v>138</v>
      </c>
      <c r="C3741" s="3" t="s">
        <v>75</v>
      </c>
    </row>
    <row r="3742" spans="1:3" x14ac:dyDescent="0.15">
      <c r="A3742" s="3">
        <v>2008400109</v>
      </c>
      <c r="B3742" s="4" t="s">
        <v>139</v>
      </c>
      <c r="C3742" s="3" t="s">
        <v>75</v>
      </c>
    </row>
    <row r="3743" spans="1:3" x14ac:dyDescent="0.15">
      <c r="A3743" s="3">
        <v>2008400110</v>
      </c>
      <c r="B3743" s="4" t="s">
        <v>140</v>
      </c>
      <c r="C3743" s="3" t="s">
        <v>75</v>
      </c>
    </row>
    <row r="3744" spans="1:3" ht="27" x14ac:dyDescent="0.15">
      <c r="A3744" s="3">
        <v>2008400111</v>
      </c>
      <c r="B3744" s="4" t="s">
        <v>141</v>
      </c>
      <c r="C3744" s="3" t="s">
        <v>75</v>
      </c>
    </row>
    <row r="3745" spans="1:3" ht="27" x14ac:dyDescent="0.15">
      <c r="A3745" s="3">
        <v>2008400112</v>
      </c>
      <c r="B3745" s="4" t="s">
        <v>142</v>
      </c>
      <c r="C3745" s="3" t="s">
        <v>75</v>
      </c>
    </row>
    <row r="3746" spans="1:3" ht="27" x14ac:dyDescent="0.15">
      <c r="A3746" s="3">
        <v>2008400113</v>
      </c>
      <c r="B3746" s="4" t="s">
        <v>143</v>
      </c>
      <c r="C3746" s="3" t="s">
        <v>75</v>
      </c>
    </row>
    <row r="3747" spans="1:3" ht="27" x14ac:dyDescent="0.15">
      <c r="A3747" s="3">
        <v>2008400114</v>
      </c>
      <c r="B3747" s="4" t="s">
        <v>144</v>
      </c>
      <c r="C3747" s="3" t="s">
        <v>75</v>
      </c>
    </row>
    <row r="3748" spans="1:3" x14ac:dyDescent="0.15">
      <c r="A3748" s="3">
        <v>2008400115</v>
      </c>
      <c r="B3748" s="4" t="s">
        <v>145</v>
      </c>
      <c r="C3748" s="3" t="s">
        <v>75</v>
      </c>
    </row>
    <row r="3749" spans="1:3" ht="27" x14ac:dyDescent="0.15">
      <c r="A3749" s="3">
        <v>2008400116</v>
      </c>
      <c r="B3749" s="4" t="s">
        <v>146</v>
      </c>
      <c r="C3749" s="3" t="s">
        <v>75</v>
      </c>
    </row>
    <row r="3750" spans="1:3" ht="27" x14ac:dyDescent="0.15">
      <c r="A3750" s="3">
        <v>2008400117</v>
      </c>
      <c r="B3750" s="4" t="s">
        <v>147</v>
      </c>
      <c r="C3750" s="3" t="s">
        <v>75</v>
      </c>
    </row>
    <row r="3751" spans="1:3" ht="27" x14ac:dyDescent="0.15">
      <c r="A3751" s="3">
        <v>2008400118</v>
      </c>
      <c r="B3751" s="4" t="s">
        <v>148</v>
      </c>
      <c r="C3751" s="3" t="s">
        <v>75</v>
      </c>
    </row>
    <row r="3752" spans="1:3" ht="27" x14ac:dyDescent="0.15">
      <c r="A3752" s="3">
        <v>2008400119</v>
      </c>
      <c r="B3752" s="4" t="s">
        <v>149</v>
      </c>
      <c r="C3752" s="3" t="s">
        <v>75</v>
      </c>
    </row>
    <row r="3753" spans="1:3" ht="27" x14ac:dyDescent="0.15">
      <c r="A3753" s="3">
        <v>2008400120</v>
      </c>
      <c r="B3753" s="4" t="s">
        <v>150</v>
      </c>
      <c r="C3753" s="3" t="s">
        <v>75</v>
      </c>
    </row>
    <row r="3754" spans="1:3" ht="27" x14ac:dyDescent="0.15">
      <c r="A3754" s="3">
        <v>2008400121</v>
      </c>
      <c r="B3754" s="4" t="s">
        <v>150</v>
      </c>
      <c r="C3754" s="3" t="s">
        <v>75</v>
      </c>
    </row>
    <row r="3755" spans="1:3" ht="27" x14ac:dyDescent="0.15">
      <c r="A3755" s="3">
        <v>2008400172</v>
      </c>
      <c r="B3755" s="4" t="s">
        <v>212</v>
      </c>
      <c r="C3755" s="3" t="s">
        <v>75</v>
      </c>
    </row>
    <row r="3756" spans="1:3" ht="27" x14ac:dyDescent="0.15">
      <c r="A3756" s="3">
        <v>2008400173</v>
      </c>
      <c r="B3756" s="4" t="s">
        <v>213</v>
      </c>
      <c r="C3756" s="3" t="s">
        <v>75</v>
      </c>
    </row>
    <row r="3757" spans="1:3" ht="27" x14ac:dyDescent="0.15">
      <c r="A3757" s="3">
        <v>2008400174</v>
      </c>
      <c r="B3757" s="4" t="s">
        <v>214</v>
      </c>
      <c r="C3757" s="3" t="s">
        <v>75</v>
      </c>
    </row>
    <row r="3758" spans="1:3" ht="27" x14ac:dyDescent="0.15">
      <c r="A3758" s="3">
        <v>2008400175</v>
      </c>
      <c r="B3758" s="4" t="s">
        <v>215</v>
      </c>
      <c r="C3758" s="3" t="s">
        <v>75</v>
      </c>
    </row>
    <row r="3759" spans="1:3" ht="27" x14ac:dyDescent="0.15">
      <c r="A3759" s="3">
        <v>2008400638</v>
      </c>
      <c r="B3759" s="4" t="s">
        <v>757</v>
      </c>
      <c r="C3759" s="3" t="s">
        <v>75</v>
      </c>
    </row>
    <row r="3760" spans="1:3" ht="27" x14ac:dyDescent="0.15">
      <c r="A3760" s="3">
        <v>2008400639</v>
      </c>
      <c r="B3760" s="4" t="s">
        <v>758</v>
      </c>
      <c r="C3760" s="3" t="s">
        <v>75</v>
      </c>
    </row>
    <row r="3761" spans="1:3" ht="27" x14ac:dyDescent="0.15">
      <c r="A3761" s="3">
        <v>2008400640</v>
      </c>
      <c r="B3761" s="4" t="s">
        <v>759</v>
      </c>
      <c r="C3761" s="3" t="s">
        <v>75</v>
      </c>
    </row>
    <row r="3762" spans="1:3" ht="27" x14ac:dyDescent="0.15">
      <c r="A3762" s="3">
        <v>2008400659</v>
      </c>
      <c r="B3762" s="4" t="s">
        <v>785</v>
      </c>
      <c r="C3762" s="3" t="s">
        <v>75</v>
      </c>
    </row>
    <row r="3763" spans="1:3" ht="27" x14ac:dyDescent="0.15">
      <c r="A3763" s="3">
        <v>2008400710</v>
      </c>
      <c r="B3763" s="4" t="s">
        <v>841</v>
      </c>
      <c r="C3763" s="3" t="s">
        <v>75</v>
      </c>
    </row>
    <row r="3764" spans="1:3" ht="27" x14ac:dyDescent="0.15">
      <c r="A3764" s="3">
        <v>2011410006</v>
      </c>
      <c r="B3764" s="4" t="s">
        <v>1067</v>
      </c>
      <c r="C3764" s="3" t="s">
        <v>75</v>
      </c>
    </row>
    <row r="3765" spans="1:3" ht="27" x14ac:dyDescent="0.15">
      <c r="A3765" s="3">
        <v>2011410008</v>
      </c>
      <c r="B3765" s="4" t="s">
        <v>1069</v>
      </c>
      <c r="C3765" s="3" t="s">
        <v>75</v>
      </c>
    </row>
    <row r="3766" spans="1:3" ht="27" x14ac:dyDescent="0.15">
      <c r="A3766" s="3">
        <v>2011410021</v>
      </c>
      <c r="B3766" s="4" t="s">
        <v>1091</v>
      </c>
      <c r="C3766" s="3" t="s">
        <v>75</v>
      </c>
    </row>
    <row r="3767" spans="1:3" ht="27" x14ac:dyDescent="0.15">
      <c r="A3767" s="3">
        <v>2011410810</v>
      </c>
      <c r="B3767" s="4" t="s">
        <v>2104</v>
      </c>
      <c r="C3767" s="3" t="s">
        <v>75</v>
      </c>
    </row>
    <row r="3768" spans="1:3" ht="27" x14ac:dyDescent="0.15">
      <c r="A3768" s="3">
        <v>2011410812</v>
      </c>
      <c r="B3768" s="4" t="s">
        <v>2105</v>
      </c>
      <c r="C3768" s="3" t="s">
        <v>75</v>
      </c>
    </row>
    <row r="3769" spans="1:3" ht="27" x14ac:dyDescent="0.15">
      <c r="A3769" s="3">
        <v>2011410813</v>
      </c>
      <c r="B3769" s="4" t="s">
        <v>2106</v>
      </c>
      <c r="C3769" s="3" t="s">
        <v>75</v>
      </c>
    </row>
    <row r="3770" spans="1:3" x14ac:dyDescent="0.15">
      <c r="A3770" s="3">
        <v>2011410815</v>
      </c>
      <c r="B3770" s="4" t="s">
        <v>2109</v>
      </c>
      <c r="C3770" s="3" t="s">
        <v>75</v>
      </c>
    </row>
    <row r="3771" spans="1:3" ht="27" x14ac:dyDescent="0.15">
      <c r="A3771" s="3">
        <v>2011410816</v>
      </c>
      <c r="B3771" s="4" t="s">
        <v>2110</v>
      </c>
      <c r="C3771" s="3" t="s">
        <v>75</v>
      </c>
    </row>
    <row r="3772" spans="1:3" ht="27" x14ac:dyDescent="0.15">
      <c r="A3772" s="3">
        <v>2011410817</v>
      </c>
      <c r="B3772" s="4" t="s">
        <v>213</v>
      </c>
      <c r="C3772" s="3" t="s">
        <v>75</v>
      </c>
    </row>
    <row r="3773" spans="1:3" ht="27" x14ac:dyDescent="0.15">
      <c r="A3773" s="3">
        <v>2011410818</v>
      </c>
      <c r="B3773" s="4" t="s">
        <v>2111</v>
      </c>
      <c r="C3773" s="3" t="s">
        <v>75</v>
      </c>
    </row>
    <row r="3774" spans="1:3" x14ac:dyDescent="0.15">
      <c r="A3774" s="3">
        <v>2011410819</v>
      </c>
      <c r="B3774" s="4" t="s">
        <v>2112</v>
      </c>
      <c r="C3774" s="3" t="s">
        <v>75</v>
      </c>
    </row>
    <row r="3775" spans="1:3" ht="27" x14ac:dyDescent="0.15">
      <c r="A3775" s="3">
        <v>2011410820</v>
      </c>
      <c r="B3775" s="4" t="s">
        <v>2113</v>
      </c>
      <c r="C3775" s="3" t="s">
        <v>75</v>
      </c>
    </row>
    <row r="3776" spans="1:3" ht="27" x14ac:dyDescent="0.15">
      <c r="A3776" s="3">
        <v>2011410821</v>
      </c>
      <c r="B3776" s="4" t="s">
        <v>2114</v>
      </c>
      <c r="C3776" s="3" t="s">
        <v>75</v>
      </c>
    </row>
    <row r="3777" spans="1:3" ht="27" x14ac:dyDescent="0.15">
      <c r="A3777" s="3">
        <v>2011410822</v>
      </c>
      <c r="B3777" s="4" t="s">
        <v>2115</v>
      </c>
      <c r="C3777" s="3" t="s">
        <v>75</v>
      </c>
    </row>
    <row r="3778" spans="1:3" ht="27" x14ac:dyDescent="0.15">
      <c r="A3778" s="3">
        <v>2011410823</v>
      </c>
      <c r="B3778" s="4" t="s">
        <v>79</v>
      </c>
      <c r="C3778" s="3" t="s">
        <v>75</v>
      </c>
    </row>
    <row r="3779" spans="1:3" ht="27" x14ac:dyDescent="0.15">
      <c r="A3779" s="3">
        <v>2011410826</v>
      </c>
      <c r="B3779" s="4" t="s">
        <v>2118</v>
      </c>
      <c r="C3779" s="3" t="s">
        <v>75</v>
      </c>
    </row>
    <row r="3780" spans="1:3" ht="27" x14ac:dyDescent="0.15">
      <c r="A3780" s="3">
        <v>2011410827</v>
      </c>
      <c r="B3780" s="4" t="s">
        <v>2119</v>
      </c>
      <c r="C3780" s="3" t="s">
        <v>75</v>
      </c>
    </row>
    <row r="3781" spans="1:3" ht="27" x14ac:dyDescent="0.15">
      <c r="A3781" s="3">
        <v>2011410828</v>
      </c>
      <c r="B3781" s="4" t="s">
        <v>2120</v>
      </c>
      <c r="C3781" s="3" t="s">
        <v>75</v>
      </c>
    </row>
    <row r="3782" spans="1:3" x14ac:dyDescent="0.15">
      <c r="A3782" s="3">
        <v>2011410829</v>
      </c>
      <c r="B3782" s="4" t="s">
        <v>2121</v>
      </c>
      <c r="C3782" s="3" t="s">
        <v>75</v>
      </c>
    </row>
    <row r="3783" spans="1:3" ht="27" x14ac:dyDescent="0.15">
      <c r="A3783" s="3">
        <v>2011410831</v>
      </c>
      <c r="B3783" s="4" t="s">
        <v>2122</v>
      </c>
      <c r="C3783" s="3" t="s">
        <v>75</v>
      </c>
    </row>
    <row r="3784" spans="1:3" ht="27" x14ac:dyDescent="0.15">
      <c r="A3784" s="3">
        <v>2011410832</v>
      </c>
      <c r="B3784" s="4" t="s">
        <v>84</v>
      </c>
      <c r="C3784" s="3" t="s">
        <v>75</v>
      </c>
    </row>
    <row r="3785" spans="1:3" ht="27" x14ac:dyDescent="0.15">
      <c r="A3785" s="3">
        <v>2011410833</v>
      </c>
      <c r="B3785" s="4" t="s">
        <v>2119</v>
      </c>
      <c r="C3785" s="3" t="s">
        <v>75</v>
      </c>
    </row>
    <row r="3786" spans="1:3" x14ac:dyDescent="0.15">
      <c r="A3786" s="3">
        <v>2011410834</v>
      </c>
      <c r="B3786" s="4" t="s">
        <v>2123</v>
      </c>
      <c r="C3786" s="3" t="s">
        <v>75</v>
      </c>
    </row>
    <row r="3787" spans="1:3" ht="27" x14ac:dyDescent="0.15">
      <c r="A3787" s="3">
        <v>2011410835</v>
      </c>
      <c r="B3787" s="4" t="s">
        <v>2124</v>
      </c>
      <c r="C3787" s="3" t="s">
        <v>75</v>
      </c>
    </row>
    <row r="3788" spans="1:3" ht="27" x14ac:dyDescent="0.15">
      <c r="A3788" s="3">
        <v>2011410836</v>
      </c>
      <c r="B3788" s="4" t="s">
        <v>2125</v>
      </c>
      <c r="C3788" s="3" t="s">
        <v>75</v>
      </c>
    </row>
    <row r="3789" spans="1:3" ht="27" x14ac:dyDescent="0.15">
      <c r="A3789" s="3">
        <v>2011410837</v>
      </c>
      <c r="B3789" s="4" t="s">
        <v>2126</v>
      </c>
      <c r="C3789" s="3" t="s">
        <v>75</v>
      </c>
    </row>
    <row r="3790" spans="1:3" ht="27" x14ac:dyDescent="0.15">
      <c r="A3790" s="3">
        <v>2011410838</v>
      </c>
      <c r="B3790" s="4" t="s">
        <v>2127</v>
      </c>
      <c r="C3790" s="3" t="s">
        <v>75</v>
      </c>
    </row>
    <row r="3791" spans="1:3" ht="27" x14ac:dyDescent="0.15">
      <c r="A3791" s="3">
        <v>2011410839</v>
      </c>
      <c r="B3791" s="4" t="s">
        <v>2128</v>
      </c>
      <c r="C3791" s="3" t="s">
        <v>75</v>
      </c>
    </row>
    <row r="3792" spans="1:3" ht="27" x14ac:dyDescent="0.15">
      <c r="A3792" s="3">
        <v>2011410840</v>
      </c>
      <c r="B3792" s="4" t="s">
        <v>2129</v>
      </c>
      <c r="C3792" s="3" t="s">
        <v>75</v>
      </c>
    </row>
    <row r="3793" spans="1:3" ht="27" x14ac:dyDescent="0.15">
      <c r="A3793" s="3">
        <v>2011410841</v>
      </c>
      <c r="B3793" s="4" t="s">
        <v>147</v>
      </c>
      <c r="C3793" s="3" t="s">
        <v>75</v>
      </c>
    </row>
    <row r="3794" spans="1:3" x14ac:dyDescent="0.15">
      <c r="A3794" s="3">
        <v>2011410842</v>
      </c>
      <c r="B3794" s="4" t="s">
        <v>2130</v>
      </c>
      <c r="C3794" s="3" t="s">
        <v>75</v>
      </c>
    </row>
    <row r="3795" spans="1:3" ht="27" x14ac:dyDescent="0.15">
      <c r="A3795" s="3">
        <v>2011410843</v>
      </c>
      <c r="B3795" s="4" t="s">
        <v>2131</v>
      </c>
      <c r="C3795" s="3" t="s">
        <v>75</v>
      </c>
    </row>
    <row r="3796" spans="1:3" x14ac:dyDescent="0.15">
      <c r="A3796" s="3">
        <v>2011410844</v>
      </c>
      <c r="B3796" s="4" t="s">
        <v>2132</v>
      </c>
      <c r="C3796" s="3" t="s">
        <v>75</v>
      </c>
    </row>
    <row r="3797" spans="1:3" ht="27" x14ac:dyDescent="0.15">
      <c r="A3797" s="3">
        <v>2011410845</v>
      </c>
      <c r="B3797" s="4" t="s">
        <v>2133</v>
      </c>
      <c r="C3797" s="3" t="s">
        <v>75</v>
      </c>
    </row>
    <row r="3798" spans="1:3" ht="27" x14ac:dyDescent="0.15">
      <c r="A3798" s="3">
        <v>2011410846</v>
      </c>
      <c r="B3798" s="4" t="s">
        <v>2134</v>
      </c>
      <c r="C3798" s="3" t="s">
        <v>75</v>
      </c>
    </row>
    <row r="3799" spans="1:3" ht="27" x14ac:dyDescent="0.15">
      <c r="A3799" s="3">
        <v>2011410847</v>
      </c>
      <c r="B3799" s="4" t="s">
        <v>2135</v>
      </c>
      <c r="C3799" s="3" t="s">
        <v>75</v>
      </c>
    </row>
    <row r="3800" spans="1:3" ht="27" x14ac:dyDescent="0.15">
      <c r="A3800" s="3">
        <v>2011410848</v>
      </c>
      <c r="B3800" s="4" t="s">
        <v>2136</v>
      </c>
      <c r="C3800" s="3" t="s">
        <v>75</v>
      </c>
    </row>
    <row r="3801" spans="1:3" ht="27" x14ac:dyDescent="0.15">
      <c r="A3801" s="3">
        <v>2011410849</v>
      </c>
      <c r="B3801" s="4" t="s">
        <v>2137</v>
      </c>
      <c r="C3801" s="3" t="s">
        <v>75</v>
      </c>
    </row>
    <row r="3802" spans="1:3" ht="27" x14ac:dyDescent="0.15">
      <c r="A3802" s="3">
        <v>2011410850</v>
      </c>
      <c r="B3802" s="4" t="s">
        <v>2138</v>
      </c>
      <c r="C3802" s="3" t="s">
        <v>75</v>
      </c>
    </row>
    <row r="3803" spans="1:3" ht="27" x14ac:dyDescent="0.15">
      <c r="A3803" s="3">
        <v>2011410851</v>
      </c>
      <c r="B3803" s="4" t="s">
        <v>2139</v>
      </c>
      <c r="C3803" s="3" t="s">
        <v>75</v>
      </c>
    </row>
    <row r="3804" spans="1:3" ht="27" x14ac:dyDescent="0.15">
      <c r="A3804" s="3">
        <v>2011410852</v>
      </c>
      <c r="B3804" s="4" t="s">
        <v>77</v>
      </c>
      <c r="C3804" s="3" t="s">
        <v>75</v>
      </c>
    </row>
    <row r="3805" spans="1:3" ht="27" x14ac:dyDescent="0.15">
      <c r="A3805" s="3">
        <v>2011410853</v>
      </c>
      <c r="B3805" s="4" t="s">
        <v>2140</v>
      </c>
      <c r="C3805" s="3" t="s">
        <v>75</v>
      </c>
    </row>
    <row r="3806" spans="1:3" ht="27" x14ac:dyDescent="0.15">
      <c r="A3806" s="3">
        <v>2011410854</v>
      </c>
      <c r="B3806" s="4" t="s">
        <v>2141</v>
      </c>
      <c r="C3806" s="3" t="s">
        <v>75</v>
      </c>
    </row>
    <row r="3807" spans="1:3" ht="27" x14ac:dyDescent="0.15">
      <c r="A3807" s="3">
        <v>2011410855</v>
      </c>
      <c r="B3807" s="4" t="s">
        <v>2142</v>
      </c>
      <c r="C3807" s="3" t="s">
        <v>75</v>
      </c>
    </row>
    <row r="3808" spans="1:3" ht="27" x14ac:dyDescent="0.15">
      <c r="A3808" s="3">
        <v>2011410856</v>
      </c>
      <c r="B3808" s="4" t="s">
        <v>2143</v>
      </c>
      <c r="C3808" s="3" t="s">
        <v>75</v>
      </c>
    </row>
    <row r="3809" spans="1:3" ht="27" x14ac:dyDescent="0.15">
      <c r="A3809" s="3">
        <v>2011410857</v>
      </c>
      <c r="B3809" s="4" t="s">
        <v>757</v>
      </c>
      <c r="C3809" s="3" t="s">
        <v>75</v>
      </c>
    </row>
    <row r="3810" spans="1:3" ht="27" x14ac:dyDescent="0.15">
      <c r="A3810" s="3">
        <v>2011410858</v>
      </c>
      <c r="B3810" s="4" t="s">
        <v>2144</v>
      </c>
      <c r="C3810" s="3" t="s">
        <v>75</v>
      </c>
    </row>
    <row r="3811" spans="1:3" ht="27" x14ac:dyDescent="0.15">
      <c r="A3811" s="3">
        <v>2011410859</v>
      </c>
      <c r="B3811" s="4" t="s">
        <v>2145</v>
      </c>
      <c r="C3811" s="3" t="s">
        <v>75</v>
      </c>
    </row>
    <row r="3812" spans="1:3" ht="27" x14ac:dyDescent="0.15">
      <c r="A3812" s="3">
        <v>2011410860</v>
      </c>
      <c r="B3812" s="4" t="s">
        <v>2146</v>
      </c>
      <c r="C3812" s="3" t="s">
        <v>75</v>
      </c>
    </row>
    <row r="3813" spans="1:3" ht="27" x14ac:dyDescent="0.15">
      <c r="A3813" s="3">
        <v>2011410861</v>
      </c>
      <c r="B3813" s="4" t="s">
        <v>2147</v>
      </c>
      <c r="C3813" s="3" t="s">
        <v>75</v>
      </c>
    </row>
    <row r="3814" spans="1:3" x14ac:dyDescent="0.15">
      <c r="A3814" s="3">
        <v>2011410862</v>
      </c>
      <c r="B3814" s="4" t="s">
        <v>2148</v>
      </c>
      <c r="C3814" s="3" t="s">
        <v>75</v>
      </c>
    </row>
    <row r="3815" spans="1:3" x14ac:dyDescent="0.15">
      <c r="A3815" s="3">
        <v>2011410863</v>
      </c>
      <c r="B3815" s="4" t="s">
        <v>2149</v>
      </c>
      <c r="C3815" s="3" t="s">
        <v>75</v>
      </c>
    </row>
    <row r="3816" spans="1:3" ht="27" x14ac:dyDescent="0.15">
      <c r="A3816" s="3">
        <v>2011410864</v>
      </c>
      <c r="B3816" s="4" t="s">
        <v>2150</v>
      </c>
      <c r="C3816" s="3" t="s">
        <v>75</v>
      </c>
    </row>
    <row r="3817" spans="1:3" ht="27" x14ac:dyDescent="0.15">
      <c r="A3817" s="3">
        <v>2011410865</v>
      </c>
      <c r="B3817" s="4" t="s">
        <v>2151</v>
      </c>
      <c r="C3817" s="3" t="s">
        <v>75</v>
      </c>
    </row>
    <row r="3818" spans="1:3" ht="27" x14ac:dyDescent="0.15">
      <c r="A3818" s="3">
        <v>2011410866</v>
      </c>
      <c r="B3818" s="4" t="s">
        <v>128</v>
      </c>
      <c r="C3818" s="3" t="s">
        <v>75</v>
      </c>
    </row>
    <row r="3819" spans="1:3" ht="27" x14ac:dyDescent="0.15">
      <c r="A3819" s="3">
        <v>2011410867</v>
      </c>
      <c r="B3819" s="4" t="s">
        <v>128</v>
      </c>
      <c r="C3819" s="3" t="s">
        <v>75</v>
      </c>
    </row>
    <row r="3820" spans="1:3" ht="27" x14ac:dyDescent="0.15">
      <c r="A3820" s="3">
        <v>2011410868</v>
      </c>
      <c r="B3820" s="4" t="s">
        <v>2152</v>
      </c>
      <c r="C3820" s="3" t="s">
        <v>75</v>
      </c>
    </row>
    <row r="3821" spans="1:3" ht="27" x14ac:dyDescent="0.15">
      <c r="A3821" s="3">
        <v>2011410869</v>
      </c>
      <c r="B3821" s="4" t="s">
        <v>2153</v>
      </c>
      <c r="C3821" s="3" t="s">
        <v>75</v>
      </c>
    </row>
    <row r="3822" spans="1:3" ht="27" x14ac:dyDescent="0.15">
      <c r="A3822" s="3">
        <v>2011410870</v>
      </c>
      <c r="B3822" s="4" t="s">
        <v>2154</v>
      </c>
      <c r="C3822" s="3" t="s">
        <v>75</v>
      </c>
    </row>
    <row r="3823" spans="1:3" ht="27" x14ac:dyDescent="0.15">
      <c r="A3823" s="3">
        <v>2011410871</v>
      </c>
      <c r="B3823" s="4" t="s">
        <v>2155</v>
      </c>
      <c r="C3823" s="3" t="s">
        <v>75</v>
      </c>
    </row>
    <row r="3824" spans="1:3" ht="27" x14ac:dyDescent="0.15">
      <c r="A3824" s="3">
        <v>2011410872</v>
      </c>
      <c r="B3824" s="4" t="s">
        <v>2156</v>
      </c>
      <c r="C3824" s="3" t="s">
        <v>75</v>
      </c>
    </row>
    <row r="3825" spans="1:3" ht="27" x14ac:dyDescent="0.15">
      <c r="A3825" s="3">
        <v>2011410873</v>
      </c>
      <c r="B3825" s="4" t="s">
        <v>2157</v>
      </c>
      <c r="C3825" s="3" t="s">
        <v>75</v>
      </c>
    </row>
    <row r="3826" spans="1:3" ht="27" x14ac:dyDescent="0.15">
      <c r="A3826" s="3">
        <v>2011410874</v>
      </c>
      <c r="B3826" s="4" t="s">
        <v>2158</v>
      </c>
      <c r="C3826" s="3" t="s">
        <v>75</v>
      </c>
    </row>
    <row r="3827" spans="1:3" ht="27" x14ac:dyDescent="0.15">
      <c r="A3827" s="3">
        <v>2011410875</v>
      </c>
      <c r="B3827" s="4" t="s">
        <v>2159</v>
      </c>
      <c r="C3827" s="3" t="s">
        <v>75</v>
      </c>
    </row>
    <row r="3828" spans="1:3" ht="27" x14ac:dyDescent="0.15">
      <c r="A3828" s="3">
        <v>2011410876</v>
      </c>
      <c r="B3828" s="4" t="s">
        <v>2160</v>
      </c>
      <c r="C3828" s="3" t="s">
        <v>75</v>
      </c>
    </row>
    <row r="3829" spans="1:3" x14ac:dyDescent="0.15">
      <c r="A3829" s="3">
        <v>2011410882</v>
      </c>
      <c r="B3829" s="4" t="s">
        <v>2165</v>
      </c>
      <c r="C3829" s="3" t="s">
        <v>75</v>
      </c>
    </row>
    <row r="3830" spans="1:3" ht="27" x14ac:dyDescent="0.15">
      <c r="A3830" s="3">
        <v>2011410885</v>
      </c>
      <c r="B3830" s="4" t="s">
        <v>2168</v>
      </c>
      <c r="C3830" s="3" t="s">
        <v>75</v>
      </c>
    </row>
    <row r="3831" spans="1:3" ht="27" x14ac:dyDescent="0.15">
      <c r="A3831" s="3">
        <v>2011410886</v>
      </c>
      <c r="B3831" s="4" t="s">
        <v>2169</v>
      </c>
      <c r="C3831" s="3" t="s">
        <v>75</v>
      </c>
    </row>
    <row r="3832" spans="1:3" ht="27" x14ac:dyDescent="0.15">
      <c r="A3832" s="3">
        <v>2011411131</v>
      </c>
      <c r="B3832" s="4" t="s">
        <v>2458</v>
      </c>
      <c r="C3832" s="3" t="s">
        <v>75</v>
      </c>
    </row>
    <row r="3833" spans="1:3" ht="27" x14ac:dyDescent="0.15">
      <c r="A3833" s="3">
        <v>2011411132</v>
      </c>
      <c r="B3833" s="4" t="s">
        <v>2459</v>
      </c>
      <c r="C3833" s="3" t="s">
        <v>75</v>
      </c>
    </row>
    <row r="3834" spans="1:3" ht="27" x14ac:dyDescent="0.15">
      <c r="A3834" s="3">
        <v>2011411134</v>
      </c>
      <c r="B3834" s="4" t="s">
        <v>2461</v>
      </c>
      <c r="C3834" s="3" t="s">
        <v>75</v>
      </c>
    </row>
    <row r="3835" spans="1:3" x14ac:dyDescent="0.15">
      <c r="A3835" s="3">
        <v>2011411135</v>
      </c>
      <c r="B3835" s="4" t="s">
        <v>2462</v>
      </c>
      <c r="C3835" s="3" t="s">
        <v>75</v>
      </c>
    </row>
    <row r="3836" spans="1:3" x14ac:dyDescent="0.15">
      <c r="A3836" s="3">
        <v>2011411137</v>
      </c>
      <c r="B3836" s="4" t="s">
        <v>2464</v>
      </c>
      <c r="C3836" s="3" t="s">
        <v>75</v>
      </c>
    </row>
    <row r="3837" spans="1:3" x14ac:dyDescent="0.15">
      <c r="A3837" s="3">
        <v>2011411138</v>
      </c>
      <c r="B3837" s="4" t="s">
        <v>2465</v>
      </c>
      <c r="C3837" s="3" t="s">
        <v>75</v>
      </c>
    </row>
    <row r="3838" spans="1:3" ht="40.5" x14ac:dyDescent="0.15">
      <c r="A3838" s="3">
        <v>2011411139</v>
      </c>
      <c r="B3838" s="4" t="s">
        <v>2466</v>
      </c>
      <c r="C3838" s="3" t="s">
        <v>75</v>
      </c>
    </row>
    <row r="3839" spans="1:3" ht="40.5" x14ac:dyDescent="0.15">
      <c r="A3839" s="3">
        <v>2011411140</v>
      </c>
      <c r="B3839" s="4" t="s">
        <v>2467</v>
      </c>
      <c r="C3839" s="3" t="s">
        <v>75</v>
      </c>
    </row>
    <row r="3840" spans="1:3" ht="27" x14ac:dyDescent="0.15">
      <c r="A3840" s="3">
        <v>2011411141</v>
      </c>
      <c r="B3840" s="4" t="s">
        <v>2468</v>
      </c>
      <c r="C3840" s="3" t="s">
        <v>75</v>
      </c>
    </row>
    <row r="3841" spans="1:3" x14ac:dyDescent="0.15">
      <c r="A3841" s="3">
        <v>2011411167</v>
      </c>
      <c r="B3841" s="4" t="s">
        <v>2499</v>
      </c>
      <c r="C3841" s="3" t="s">
        <v>75</v>
      </c>
    </row>
    <row r="3842" spans="1:3" x14ac:dyDescent="0.15">
      <c r="A3842" s="3">
        <v>2011411168</v>
      </c>
      <c r="B3842" s="4" t="s">
        <v>2499</v>
      </c>
      <c r="C3842" s="3" t="s">
        <v>75</v>
      </c>
    </row>
    <row r="3843" spans="1:3" x14ac:dyDescent="0.15">
      <c r="A3843" s="3">
        <v>2011412647</v>
      </c>
      <c r="B3843" s="4" t="s">
        <v>4296</v>
      </c>
      <c r="C3843" s="3" t="s">
        <v>75</v>
      </c>
    </row>
    <row r="3844" spans="1:3" ht="27" x14ac:dyDescent="0.15">
      <c r="A3844" s="3">
        <v>2011414304</v>
      </c>
      <c r="B3844" s="4" t="s">
        <v>2468</v>
      </c>
      <c r="C3844" s="3" t="s">
        <v>75</v>
      </c>
    </row>
    <row r="3845" spans="1:3" ht="27" x14ac:dyDescent="0.15">
      <c r="A3845" s="3">
        <v>2011410888</v>
      </c>
      <c r="B3845" s="4" t="s">
        <v>2172</v>
      </c>
      <c r="C3845" s="3" t="s">
        <v>2173</v>
      </c>
    </row>
    <row r="3846" spans="1:3" ht="27" x14ac:dyDescent="0.15">
      <c r="A3846" s="3">
        <v>2011410902</v>
      </c>
      <c r="B3846" s="4" t="s">
        <v>2190</v>
      </c>
      <c r="C3846" s="3" t="s">
        <v>2191</v>
      </c>
    </row>
    <row r="3847" spans="1:3" ht="27" x14ac:dyDescent="0.15">
      <c r="A3847" s="3">
        <v>2011410903</v>
      </c>
      <c r="B3847" s="4" t="s">
        <v>2190</v>
      </c>
      <c r="C3847" s="3" t="s">
        <v>2191</v>
      </c>
    </row>
    <row r="3848" spans="1:3" x14ac:dyDescent="0.15">
      <c r="A3848" s="3">
        <v>2011410904</v>
      </c>
      <c r="B3848" s="4" t="s">
        <v>2192</v>
      </c>
      <c r="C3848" s="3" t="s">
        <v>2191</v>
      </c>
    </row>
    <row r="3849" spans="1:3" ht="27" x14ac:dyDescent="0.15">
      <c r="A3849" s="3">
        <v>2011410905</v>
      </c>
      <c r="B3849" s="4" t="s">
        <v>2193</v>
      </c>
      <c r="C3849" s="3" t="s">
        <v>2191</v>
      </c>
    </row>
    <row r="3850" spans="1:3" ht="27" x14ac:dyDescent="0.15">
      <c r="A3850" s="3">
        <v>2011410910</v>
      </c>
      <c r="B3850" s="4" t="s">
        <v>2199</v>
      </c>
      <c r="C3850" s="3" t="s">
        <v>2200</v>
      </c>
    </row>
    <row r="3851" spans="1:3" x14ac:dyDescent="0.15">
      <c r="A3851" s="3">
        <v>2011410911</v>
      </c>
      <c r="B3851" s="4" t="s">
        <v>2201</v>
      </c>
      <c r="C3851" s="3" t="s">
        <v>2200</v>
      </c>
    </row>
    <row r="3852" spans="1:3" ht="27" x14ac:dyDescent="0.15">
      <c r="A3852" s="3">
        <v>2011410912</v>
      </c>
      <c r="B3852" s="4" t="s">
        <v>2202</v>
      </c>
      <c r="C3852" s="3" t="s">
        <v>2200</v>
      </c>
    </row>
    <row r="3853" spans="1:3" x14ac:dyDescent="0.15">
      <c r="A3853" s="3">
        <v>2011411170</v>
      </c>
      <c r="B3853" s="4" t="s">
        <v>2502</v>
      </c>
      <c r="C3853" s="3" t="s">
        <v>2200</v>
      </c>
    </row>
    <row r="3854" spans="1:3" x14ac:dyDescent="0.15">
      <c r="A3854" s="3">
        <v>2011410914</v>
      </c>
      <c r="B3854" s="4" t="s">
        <v>2204</v>
      </c>
      <c r="C3854" s="3" t="s">
        <v>2205</v>
      </c>
    </row>
    <row r="3855" spans="1:3" x14ac:dyDescent="0.15">
      <c r="A3855" s="3">
        <v>2011410919</v>
      </c>
      <c r="B3855" s="4" t="s">
        <v>2213</v>
      </c>
      <c r="C3855" s="3" t="s">
        <v>2214</v>
      </c>
    </row>
    <row r="3856" spans="1:3" ht="27" x14ac:dyDescent="0.15">
      <c r="A3856" s="3">
        <v>2008400176</v>
      </c>
      <c r="B3856" s="4" t="s">
        <v>216</v>
      </c>
      <c r="C3856" s="3" t="s">
        <v>217</v>
      </c>
    </row>
    <row r="3857" spans="1:3" ht="27" x14ac:dyDescent="0.15">
      <c r="A3857" s="3">
        <v>2008400177</v>
      </c>
      <c r="B3857" s="4" t="s">
        <v>216</v>
      </c>
      <c r="C3857" s="3" t="s">
        <v>217</v>
      </c>
    </row>
    <row r="3858" spans="1:3" x14ac:dyDescent="0.15">
      <c r="A3858" s="3">
        <v>2008400711</v>
      </c>
      <c r="B3858" s="4" t="s">
        <v>842</v>
      </c>
      <c r="C3858" s="3" t="s">
        <v>217</v>
      </c>
    </row>
    <row r="3859" spans="1:3" x14ac:dyDescent="0.15">
      <c r="A3859" s="3">
        <v>2008400712</v>
      </c>
      <c r="B3859" s="4" t="s">
        <v>843</v>
      </c>
      <c r="C3859" s="3" t="s">
        <v>217</v>
      </c>
    </row>
    <row r="3860" spans="1:3" x14ac:dyDescent="0.15">
      <c r="A3860" s="3">
        <v>2011410924</v>
      </c>
      <c r="B3860" s="4" t="s">
        <v>2220</v>
      </c>
      <c r="C3860" s="3" t="s">
        <v>217</v>
      </c>
    </row>
    <row r="3861" spans="1:3" x14ac:dyDescent="0.15">
      <c r="A3861" s="3">
        <v>2011410925</v>
      </c>
      <c r="B3861" s="4" t="s">
        <v>2221</v>
      </c>
      <c r="C3861" s="3" t="s">
        <v>217</v>
      </c>
    </row>
    <row r="3862" spans="1:3" x14ac:dyDescent="0.15">
      <c r="A3862" s="3">
        <v>2011410926</v>
      </c>
      <c r="B3862" s="4" t="s">
        <v>2222</v>
      </c>
      <c r="C3862" s="3" t="s">
        <v>217</v>
      </c>
    </row>
    <row r="3863" spans="1:3" x14ac:dyDescent="0.15">
      <c r="A3863" s="3">
        <v>2011410927</v>
      </c>
      <c r="B3863" s="4" t="s">
        <v>2223</v>
      </c>
      <c r="C3863" s="3" t="s">
        <v>217</v>
      </c>
    </row>
    <row r="3864" spans="1:3" ht="27" x14ac:dyDescent="0.15">
      <c r="A3864" s="3">
        <v>2011410928</v>
      </c>
      <c r="B3864" s="4" t="s">
        <v>2224</v>
      </c>
      <c r="C3864" s="3" t="s">
        <v>217</v>
      </c>
    </row>
    <row r="3865" spans="1:3" ht="27" x14ac:dyDescent="0.15">
      <c r="A3865" s="3">
        <v>2011410929</v>
      </c>
      <c r="B3865" s="4" t="s">
        <v>2225</v>
      </c>
      <c r="C3865" s="3" t="s">
        <v>217</v>
      </c>
    </row>
    <row r="3866" spans="1:3" x14ac:dyDescent="0.15">
      <c r="A3866" s="3">
        <v>2011410930</v>
      </c>
      <c r="B3866" s="4" t="s">
        <v>2226</v>
      </c>
      <c r="C3866" s="3" t="s">
        <v>217</v>
      </c>
    </row>
    <row r="3867" spans="1:3" ht="27" x14ac:dyDescent="0.15">
      <c r="A3867" s="3">
        <v>2011410931</v>
      </c>
      <c r="B3867" s="4" t="s">
        <v>2227</v>
      </c>
      <c r="C3867" s="3" t="s">
        <v>217</v>
      </c>
    </row>
    <row r="3868" spans="1:3" ht="27" x14ac:dyDescent="0.15">
      <c r="A3868" s="3">
        <v>2011410934</v>
      </c>
      <c r="B3868" s="4" t="s">
        <v>2230</v>
      </c>
      <c r="C3868" s="3" t="s">
        <v>217</v>
      </c>
    </row>
    <row r="3869" spans="1:3" x14ac:dyDescent="0.15">
      <c r="A3869" s="3">
        <v>2011411171</v>
      </c>
      <c r="B3869" s="4" t="s">
        <v>2503</v>
      </c>
      <c r="C3869" s="3" t="s">
        <v>217</v>
      </c>
    </row>
    <row r="3870" spans="1:3" ht="27" x14ac:dyDescent="0.15">
      <c r="A3870" s="3">
        <v>2011411182</v>
      </c>
      <c r="B3870" s="4" t="s">
        <v>2514</v>
      </c>
      <c r="C3870" s="3" t="s">
        <v>2515</v>
      </c>
    </row>
    <row r="3871" spans="1:3" ht="27" x14ac:dyDescent="0.15">
      <c r="A3871" s="3">
        <v>2011410948</v>
      </c>
      <c r="B3871" s="4" t="s">
        <v>2250</v>
      </c>
      <c r="C3871" s="3" t="s">
        <v>2251</v>
      </c>
    </row>
    <row r="3872" spans="1:3" ht="27" x14ac:dyDescent="0.15">
      <c r="A3872" s="3">
        <v>2011410940</v>
      </c>
      <c r="B3872" s="4" t="s">
        <v>2239</v>
      </c>
      <c r="C3872" s="3" t="s">
        <v>2240</v>
      </c>
    </row>
    <row r="3873" spans="1:3" x14ac:dyDescent="0.15">
      <c r="A3873" s="3">
        <v>2011410960</v>
      </c>
      <c r="B3873" s="4" t="s">
        <v>2258</v>
      </c>
      <c r="C3873" s="3" t="s">
        <v>2240</v>
      </c>
    </row>
    <row r="3874" spans="1:3" x14ac:dyDescent="0.15">
      <c r="A3874" s="3">
        <v>2011410961</v>
      </c>
      <c r="B3874" s="4" t="s">
        <v>2259</v>
      </c>
      <c r="C3874" s="3" t="s">
        <v>2240</v>
      </c>
    </row>
    <row r="3875" spans="1:3" x14ac:dyDescent="0.15">
      <c r="A3875" s="3">
        <v>2011410962</v>
      </c>
      <c r="B3875" s="4" t="s">
        <v>2260</v>
      </c>
      <c r="C3875" s="3" t="s">
        <v>2240</v>
      </c>
    </row>
    <row r="3876" spans="1:3" x14ac:dyDescent="0.15">
      <c r="A3876" s="3">
        <v>2011410963</v>
      </c>
      <c r="B3876" s="4" t="s">
        <v>2261</v>
      </c>
      <c r="C3876" s="3" t="s">
        <v>2240</v>
      </c>
    </row>
    <row r="3877" spans="1:3" x14ac:dyDescent="0.15">
      <c r="A3877" s="3">
        <v>2011410964</v>
      </c>
      <c r="B3877" s="4" t="s">
        <v>2262</v>
      </c>
      <c r="C3877" s="3" t="s">
        <v>2240</v>
      </c>
    </row>
    <row r="3878" spans="1:3" x14ac:dyDescent="0.15">
      <c r="A3878" s="3">
        <v>2011410965</v>
      </c>
      <c r="B3878" s="4" t="s">
        <v>2263</v>
      </c>
      <c r="C3878" s="3" t="s">
        <v>2240</v>
      </c>
    </row>
    <row r="3879" spans="1:3" ht="27" x14ac:dyDescent="0.15">
      <c r="A3879" s="3">
        <v>2011410966</v>
      </c>
      <c r="B3879" s="4" t="s">
        <v>2264</v>
      </c>
      <c r="C3879" s="3" t="s">
        <v>2240</v>
      </c>
    </row>
    <row r="3880" spans="1:3" ht="27" x14ac:dyDescent="0.15">
      <c r="A3880" s="3">
        <v>2011410967</v>
      </c>
      <c r="B3880" s="4" t="s">
        <v>2265</v>
      </c>
      <c r="C3880" s="3" t="s">
        <v>2240</v>
      </c>
    </row>
    <row r="3881" spans="1:3" ht="27" x14ac:dyDescent="0.15">
      <c r="A3881" s="3">
        <v>2011410968</v>
      </c>
      <c r="B3881" s="4" t="s">
        <v>2266</v>
      </c>
      <c r="C3881" s="3" t="s">
        <v>2240</v>
      </c>
    </row>
    <row r="3882" spans="1:3" ht="27" x14ac:dyDescent="0.15">
      <c r="A3882" s="3">
        <v>2011410969</v>
      </c>
      <c r="B3882" s="4" t="s">
        <v>2267</v>
      </c>
      <c r="C3882" s="3" t="s">
        <v>2240</v>
      </c>
    </row>
    <row r="3883" spans="1:3" x14ac:dyDescent="0.15">
      <c r="A3883" s="3">
        <v>2011410972</v>
      </c>
      <c r="B3883" s="4" t="s">
        <v>2271</v>
      </c>
      <c r="C3883" s="3" t="s">
        <v>2272</v>
      </c>
    </row>
    <row r="3884" spans="1:3" ht="27" x14ac:dyDescent="0.15">
      <c r="A3884" s="3">
        <v>2011410990</v>
      </c>
      <c r="B3884" s="4" t="s">
        <v>2289</v>
      </c>
      <c r="C3884" s="3" t="s">
        <v>2290</v>
      </c>
    </row>
    <row r="3885" spans="1:3" ht="27" x14ac:dyDescent="0.15">
      <c r="A3885" s="3">
        <v>2011410992</v>
      </c>
      <c r="B3885" s="4" t="s">
        <v>2292</v>
      </c>
      <c r="C3885" s="3" t="s">
        <v>2290</v>
      </c>
    </row>
    <row r="3886" spans="1:3" ht="27" x14ac:dyDescent="0.15">
      <c r="A3886" s="3">
        <v>2008400128</v>
      </c>
      <c r="B3886" s="4" t="s">
        <v>160</v>
      </c>
      <c r="C3886" s="3" t="s">
        <v>161</v>
      </c>
    </row>
    <row r="3887" spans="1:3" ht="27" x14ac:dyDescent="0.15">
      <c r="A3887" s="3">
        <v>2008400129</v>
      </c>
      <c r="B3887" s="4" t="s">
        <v>162</v>
      </c>
      <c r="C3887" s="3" t="s">
        <v>161</v>
      </c>
    </row>
    <row r="3888" spans="1:3" ht="27" x14ac:dyDescent="0.15">
      <c r="A3888" s="3">
        <v>2008400130</v>
      </c>
      <c r="B3888" s="4" t="s">
        <v>163</v>
      </c>
      <c r="C3888" s="3" t="s">
        <v>161</v>
      </c>
    </row>
    <row r="3889" spans="1:3" ht="27" x14ac:dyDescent="0.15">
      <c r="A3889" s="3">
        <v>2008400131</v>
      </c>
      <c r="B3889" s="4" t="s">
        <v>164</v>
      </c>
      <c r="C3889" s="3" t="s">
        <v>161</v>
      </c>
    </row>
    <row r="3890" spans="1:3" ht="27" x14ac:dyDescent="0.15">
      <c r="A3890" s="3">
        <v>2008400713</v>
      </c>
      <c r="B3890" s="4" t="s">
        <v>162</v>
      </c>
      <c r="C3890" s="3" t="s">
        <v>161</v>
      </c>
    </row>
    <row r="3891" spans="1:3" ht="27" x14ac:dyDescent="0.15">
      <c r="A3891" s="3">
        <v>2008400714</v>
      </c>
      <c r="B3891" s="4" t="s">
        <v>163</v>
      </c>
      <c r="C3891" s="3" t="s">
        <v>161</v>
      </c>
    </row>
    <row r="3892" spans="1:3" ht="27" x14ac:dyDescent="0.15">
      <c r="A3892" s="3">
        <v>2008400715</v>
      </c>
      <c r="B3892" s="4" t="s">
        <v>844</v>
      </c>
      <c r="C3892" s="3" t="s">
        <v>161</v>
      </c>
    </row>
    <row r="3893" spans="1:3" ht="27" x14ac:dyDescent="0.15">
      <c r="A3893" s="3">
        <v>2008400716</v>
      </c>
      <c r="B3893" s="4" t="s">
        <v>164</v>
      </c>
      <c r="C3893" s="3" t="s">
        <v>161</v>
      </c>
    </row>
    <row r="3894" spans="1:3" ht="27" x14ac:dyDescent="0.15">
      <c r="A3894" s="3">
        <v>2008400717</v>
      </c>
      <c r="B3894" s="4" t="s">
        <v>845</v>
      </c>
      <c r="C3894" s="3" t="s">
        <v>161</v>
      </c>
    </row>
    <row r="3895" spans="1:3" ht="27" x14ac:dyDescent="0.15">
      <c r="A3895" s="3">
        <v>2008400750</v>
      </c>
      <c r="B3895" s="4" t="s">
        <v>874</v>
      </c>
      <c r="C3895" s="3" t="s">
        <v>161</v>
      </c>
    </row>
    <row r="3896" spans="1:3" ht="27" x14ac:dyDescent="0.15">
      <c r="A3896" s="3">
        <v>2008400751</v>
      </c>
      <c r="B3896" s="4" t="s">
        <v>875</v>
      </c>
      <c r="C3896" s="3" t="s">
        <v>161</v>
      </c>
    </row>
    <row r="3897" spans="1:3" ht="27" x14ac:dyDescent="0.15">
      <c r="A3897" s="3">
        <v>2011410200</v>
      </c>
      <c r="B3897" s="4" t="s">
        <v>1344</v>
      </c>
      <c r="C3897" s="3" t="s">
        <v>161</v>
      </c>
    </row>
    <row r="3898" spans="1:3" ht="27" x14ac:dyDescent="0.15">
      <c r="A3898" s="3">
        <v>2011410993</v>
      </c>
      <c r="B3898" s="4" t="s">
        <v>2293</v>
      </c>
      <c r="C3898" s="3" t="s">
        <v>161</v>
      </c>
    </row>
    <row r="3899" spans="1:3" ht="27" x14ac:dyDescent="0.15">
      <c r="A3899" s="3">
        <v>2011410994</v>
      </c>
      <c r="B3899" s="4" t="s">
        <v>2294</v>
      </c>
      <c r="C3899" s="3" t="s">
        <v>161</v>
      </c>
    </row>
    <row r="3900" spans="1:3" ht="27" x14ac:dyDescent="0.15">
      <c r="A3900" s="3">
        <v>2011410995</v>
      </c>
      <c r="B3900" s="4" t="s">
        <v>2295</v>
      </c>
      <c r="C3900" s="3" t="s">
        <v>161</v>
      </c>
    </row>
    <row r="3901" spans="1:3" ht="27" x14ac:dyDescent="0.15">
      <c r="A3901" s="3">
        <v>2011410996</v>
      </c>
      <c r="B3901" s="4" t="s">
        <v>2296</v>
      </c>
      <c r="C3901" s="3" t="s">
        <v>161</v>
      </c>
    </row>
    <row r="3902" spans="1:3" ht="27" x14ac:dyDescent="0.15">
      <c r="A3902" s="3">
        <v>2011410997</v>
      </c>
      <c r="B3902" s="4" t="s">
        <v>2297</v>
      </c>
      <c r="C3902" s="3" t="s">
        <v>161</v>
      </c>
    </row>
    <row r="3903" spans="1:3" ht="27" x14ac:dyDescent="0.15">
      <c r="A3903" s="3">
        <v>2011410998</v>
      </c>
      <c r="B3903" s="4" t="s">
        <v>2298</v>
      </c>
      <c r="C3903" s="3" t="s">
        <v>161</v>
      </c>
    </row>
    <row r="3904" spans="1:3" ht="27" x14ac:dyDescent="0.15">
      <c r="A3904" s="3">
        <v>2011410999</v>
      </c>
      <c r="B3904" s="4" t="s">
        <v>2299</v>
      </c>
      <c r="C3904" s="3" t="s">
        <v>161</v>
      </c>
    </row>
    <row r="3905" spans="1:3" ht="27" x14ac:dyDescent="0.15">
      <c r="A3905" s="3">
        <v>2011411000</v>
      </c>
      <c r="B3905" s="4" t="s">
        <v>2300</v>
      </c>
      <c r="C3905" s="3" t="s">
        <v>161</v>
      </c>
    </row>
    <row r="3906" spans="1:3" ht="27" x14ac:dyDescent="0.15">
      <c r="A3906" s="3">
        <v>2011411001</v>
      </c>
      <c r="B3906" s="4" t="s">
        <v>2301</v>
      </c>
      <c r="C3906" s="3" t="s">
        <v>161</v>
      </c>
    </row>
    <row r="3907" spans="1:3" ht="27" x14ac:dyDescent="0.15">
      <c r="A3907" s="3">
        <v>2011411002</v>
      </c>
      <c r="B3907" s="4" t="s">
        <v>2302</v>
      </c>
      <c r="C3907" s="3" t="s">
        <v>161</v>
      </c>
    </row>
    <row r="3908" spans="1:3" ht="27" x14ac:dyDescent="0.15">
      <c r="A3908" s="3">
        <v>2011411003</v>
      </c>
      <c r="B3908" s="4" t="s">
        <v>2303</v>
      </c>
      <c r="C3908" s="3" t="s">
        <v>161</v>
      </c>
    </row>
    <row r="3909" spans="1:3" ht="27" x14ac:dyDescent="0.15">
      <c r="A3909" s="3">
        <v>2011411004</v>
      </c>
      <c r="B3909" s="4" t="s">
        <v>2304</v>
      </c>
      <c r="C3909" s="3" t="s">
        <v>161</v>
      </c>
    </row>
    <row r="3910" spans="1:3" ht="27" x14ac:dyDescent="0.15">
      <c r="A3910" s="3">
        <v>2011411005</v>
      </c>
      <c r="B3910" s="4" t="s">
        <v>2305</v>
      </c>
      <c r="C3910" s="3" t="s">
        <v>161</v>
      </c>
    </row>
    <row r="3911" spans="1:3" ht="27" x14ac:dyDescent="0.15">
      <c r="A3911" s="3">
        <v>2011411006</v>
      </c>
      <c r="B3911" s="4" t="s">
        <v>2306</v>
      </c>
      <c r="C3911" s="3" t="s">
        <v>161</v>
      </c>
    </row>
    <row r="3912" spans="1:3" ht="27" x14ac:dyDescent="0.15">
      <c r="A3912" s="3">
        <v>2011411007</v>
      </c>
      <c r="B3912" s="4" t="s">
        <v>2307</v>
      </c>
      <c r="C3912" s="3" t="s">
        <v>161</v>
      </c>
    </row>
    <row r="3913" spans="1:3" ht="27" x14ac:dyDescent="0.15">
      <c r="A3913" s="3">
        <v>2011411008</v>
      </c>
      <c r="B3913" s="4" t="s">
        <v>2308</v>
      </c>
      <c r="C3913" s="3" t="s">
        <v>161</v>
      </c>
    </row>
    <row r="3914" spans="1:3" ht="27" x14ac:dyDescent="0.15">
      <c r="A3914" s="3">
        <v>2011411009</v>
      </c>
      <c r="B3914" s="4" t="s">
        <v>2309</v>
      </c>
      <c r="C3914" s="3" t="s">
        <v>161</v>
      </c>
    </row>
    <row r="3915" spans="1:3" ht="27" x14ac:dyDescent="0.15">
      <c r="A3915" s="3">
        <v>2011411010</v>
      </c>
      <c r="B3915" s="4" t="s">
        <v>2310</v>
      </c>
      <c r="C3915" s="3" t="s">
        <v>161</v>
      </c>
    </row>
    <row r="3916" spans="1:3" ht="27" x14ac:dyDescent="0.15">
      <c r="A3916" s="3">
        <v>2011411011</v>
      </c>
      <c r="B3916" s="4" t="s">
        <v>2311</v>
      </c>
      <c r="C3916" s="3" t="s">
        <v>161</v>
      </c>
    </row>
    <row r="3917" spans="1:3" ht="27" x14ac:dyDescent="0.15">
      <c r="A3917" s="3">
        <v>2011411012</v>
      </c>
      <c r="B3917" s="4" t="s">
        <v>2312</v>
      </c>
      <c r="C3917" s="3" t="s">
        <v>161</v>
      </c>
    </row>
    <row r="3918" spans="1:3" ht="27" x14ac:dyDescent="0.15">
      <c r="A3918" s="3">
        <v>2011411013</v>
      </c>
      <c r="B3918" s="4" t="s">
        <v>2313</v>
      </c>
      <c r="C3918" s="3" t="s">
        <v>161</v>
      </c>
    </row>
    <row r="3919" spans="1:3" ht="27" x14ac:dyDescent="0.15">
      <c r="A3919" s="3">
        <v>2011411014</v>
      </c>
      <c r="B3919" s="4" t="s">
        <v>2314</v>
      </c>
      <c r="C3919" s="3" t="s">
        <v>161</v>
      </c>
    </row>
    <row r="3920" spans="1:3" ht="27" x14ac:dyDescent="0.15">
      <c r="A3920" s="3">
        <v>2011411015</v>
      </c>
      <c r="B3920" s="4" t="s">
        <v>2315</v>
      </c>
      <c r="C3920" s="3" t="s">
        <v>161</v>
      </c>
    </row>
    <row r="3921" spans="1:3" ht="27" x14ac:dyDescent="0.15">
      <c r="A3921" s="3">
        <v>2011411016</v>
      </c>
      <c r="B3921" s="4" t="s">
        <v>2316</v>
      </c>
      <c r="C3921" s="3" t="s">
        <v>161</v>
      </c>
    </row>
    <row r="3922" spans="1:3" ht="27" x14ac:dyDescent="0.15">
      <c r="A3922" s="3">
        <v>2011411017</v>
      </c>
      <c r="B3922" s="4" t="s">
        <v>2317</v>
      </c>
      <c r="C3922" s="3" t="s">
        <v>161</v>
      </c>
    </row>
    <row r="3923" spans="1:3" ht="27" x14ac:dyDescent="0.15">
      <c r="A3923" s="3">
        <v>2011411018</v>
      </c>
      <c r="B3923" s="4" t="s">
        <v>2318</v>
      </c>
      <c r="C3923" s="3" t="s">
        <v>161</v>
      </c>
    </row>
    <row r="3924" spans="1:3" ht="27" x14ac:dyDescent="0.15">
      <c r="A3924" s="3">
        <v>2011411019</v>
      </c>
      <c r="B3924" s="4" t="s">
        <v>2319</v>
      </c>
      <c r="C3924" s="3" t="s">
        <v>161</v>
      </c>
    </row>
    <row r="3925" spans="1:3" ht="27" x14ac:dyDescent="0.15">
      <c r="A3925" s="3">
        <v>2011411020</v>
      </c>
      <c r="B3925" s="4" t="s">
        <v>2320</v>
      </c>
      <c r="C3925" s="3" t="s">
        <v>161</v>
      </c>
    </row>
    <row r="3926" spans="1:3" ht="27" x14ac:dyDescent="0.15">
      <c r="A3926" s="3">
        <v>2011411021</v>
      </c>
      <c r="B3926" s="4" t="s">
        <v>2321</v>
      </c>
      <c r="C3926" s="3" t="s">
        <v>161</v>
      </c>
    </row>
    <row r="3927" spans="1:3" ht="27" x14ac:dyDescent="0.15">
      <c r="A3927" s="3">
        <v>2011411022</v>
      </c>
      <c r="B3927" s="4" t="s">
        <v>2322</v>
      </c>
      <c r="C3927" s="3" t="s">
        <v>161</v>
      </c>
    </row>
    <row r="3928" spans="1:3" ht="27" x14ac:dyDescent="0.15">
      <c r="A3928" s="3">
        <v>2011411023</v>
      </c>
      <c r="B3928" s="4" t="s">
        <v>2323</v>
      </c>
      <c r="C3928" s="3" t="s">
        <v>161</v>
      </c>
    </row>
    <row r="3929" spans="1:3" ht="27" x14ac:dyDescent="0.15">
      <c r="A3929" s="3">
        <v>2011411024</v>
      </c>
      <c r="B3929" s="4" t="s">
        <v>2324</v>
      </c>
      <c r="C3929" s="3" t="s">
        <v>161</v>
      </c>
    </row>
    <row r="3930" spans="1:3" ht="27" x14ac:dyDescent="0.15">
      <c r="A3930" s="3">
        <v>2011411025</v>
      </c>
      <c r="B3930" s="4" t="s">
        <v>2325</v>
      </c>
      <c r="C3930" s="3" t="s">
        <v>161</v>
      </c>
    </row>
    <row r="3931" spans="1:3" ht="27" x14ac:dyDescent="0.15">
      <c r="A3931" s="3">
        <v>2011411026</v>
      </c>
      <c r="B3931" s="4" t="s">
        <v>2326</v>
      </c>
      <c r="C3931" s="3" t="s">
        <v>161</v>
      </c>
    </row>
    <row r="3932" spans="1:3" ht="27" x14ac:dyDescent="0.15">
      <c r="A3932" s="3">
        <v>2011411027</v>
      </c>
      <c r="B3932" s="4" t="s">
        <v>2327</v>
      </c>
      <c r="C3932" s="3" t="s">
        <v>161</v>
      </c>
    </row>
    <row r="3933" spans="1:3" ht="27" x14ac:dyDescent="0.15">
      <c r="A3933" s="3">
        <v>2011411028</v>
      </c>
      <c r="B3933" s="4" t="s">
        <v>2328</v>
      </c>
      <c r="C3933" s="3" t="s">
        <v>161</v>
      </c>
    </row>
    <row r="3934" spans="1:3" ht="27" x14ac:dyDescent="0.15">
      <c r="A3934" s="3">
        <v>2011411029</v>
      </c>
      <c r="B3934" s="4" t="s">
        <v>2329</v>
      </c>
      <c r="C3934" s="3" t="s">
        <v>161</v>
      </c>
    </row>
    <row r="3935" spans="1:3" ht="27" x14ac:dyDescent="0.15">
      <c r="A3935" s="3">
        <v>2011411030</v>
      </c>
      <c r="B3935" s="4" t="s">
        <v>2330</v>
      </c>
      <c r="C3935" s="3" t="s">
        <v>161</v>
      </c>
    </row>
    <row r="3936" spans="1:3" ht="27" x14ac:dyDescent="0.15">
      <c r="A3936" s="3">
        <v>2011411031</v>
      </c>
      <c r="B3936" s="4" t="s">
        <v>2331</v>
      </c>
      <c r="C3936" s="3" t="s">
        <v>161</v>
      </c>
    </row>
    <row r="3937" spans="1:3" ht="27" x14ac:dyDescent="0.15">
      <c r="A3937" s="3">
        <v>2011411032</v>
      </c>
      <c r="B3937" s="4" t="s">
        <v>2332</v>
      </c>
      <c r="C3937" s="3" t="s">
        <v>161</v>
      </c>
    </row>
    <row r="3938" spans="1:3" ht="27" x14ac:dyDescent="0.15">
      <c r="A3938" s="3">
        <v>2011411033</v>
      </c>
      <c r="B3938" s="4" t="s">
        <v>2333</v>
      </c>
      <c r="C3938" s="3" t="s">
        <v>161</v>
      </c>
    </row>
    <row r="3939" spans="1:3" ht="27" x14ac:dyDescent="0.15">
      <c r="A3939" s="3">
        <v>2011411034</v>
      </c>
      <c r="B3939" s="4" t="s">
        <v>2334</v>
      </c>
      <c r="C3939" s="3" t="s">
        <v>161</v>
      </c>
    </row>
    <row r="3940" spans="1:3" ht="27" x14ac:dyDescent="0.15">
      <c r="A3940" s="3">
        <v>2011411035</v>
      </c>
      <c r="B3940" s="4" t="s">
        <v>2335</v>
      </c>
      <c r="C3940" s="3" t="s">
        <v>161</v>
      </c>
    </row>
    <row r="3941" spans="1:3" ht="27" x14ac:dyDescent="0.15">
      <c r="A3941" s="3">
        <v>2011411036</v>
      </c>
      <c r="B3941" s="4" t="s">
        <v>2336</v>
      </c>
      <c r="C3941" s="3" t="s">
        <v>161</v>
      </c>
    </row>
    <row r="3942" spans="1:3" ht="27" x14ac:dyDescent="0.15">
      <c r="A3942" s="3">
        <v>2011411037</v>
      </c>
      <c r="B3942" s="4" t="s">
        <v>2337</v>
      </c>
      <c r="C3942" s="3" t="s">
        <v>161</v>
      </c>
    </row>
    <row r="3943" spans="1:3" ht="27" x14ac:dyDescent="0.15">
      <c r="A3943" s="3">
        <v>2011411038</v>
      </c>
      <c r="B3943" s="4" t="s">
        <v>2338</v>
      </c>
      <c r="C3943" s="3" t="s">
        <v>161</v>
      </c>
    </row>
    <row r="3944" spans="1:3" ht="27" x14ac:dyDescent="0.15">
      <c r="A3944" s="3">
        <v>2011411039</v>
      </c>
      <c r="B3944" s="4" t="s">
        <v>2339</v>
      </c>
      <c r="C3944" s="3" t="s">
        <v>161</v>
      </c>
    </row>
    <row r="3945" spans="1:3" ht="27" x14ac:dyDescent="0.15">
      <c r="A3945" s="3">
        <v>2011411040</v>
      </c>
      <c r="B3945" s="4" t="s">
        <v>2340</v>
      </c>
      <c r="C3945" s="3" t="s">
        <v>161</v>
      </c>
    </row>
    <row r="3946" spans="1:3" ht="27" x14ac:dyDescent="0.15">
      <c r="A3946" s="3">
        <v>2011411041</v>
      </c>
      <c r="B3946" s="4" t="s">
        <v>2341</v>
      </c>
      <c r="C3946" s="3" t="s">
        <v>161</v>
      </c>
    </row>
    <row r="3947" spans="1:3" ht="27" x14ac:dyDescent="0.15">
      <c r="A3947" s="3">
        <v>2011411042</v>
      </c>
      <c r="B3947" s="4" t="s">
        <v>2342</v>
      </c>
      <c r="C3947" s="3" t="s">
        <v>161</v>
      </c>
    </row>
    <row r="3948" spans="1:3" ht="27" x14ac:dyDescent="0.15">
      <c r="A3948" s="3">
        <v>2011411043</v>
      </c>
      <c r="B3948" s="4" t="s">
        <v>2343</v>
      </c>
      <c r="C3948" s="3" t="s">
        <v>161</v>
      </c>
    </row>
    <row r="3949" spans="1:3" ht="27" x14ac:dyDescent="0.15">
      <c r="A3949" s="3">
        <v>2011411044</v>
      </c>
      <c r="B3949" s="4" t="s">
        <v>2344</v>
      </c>
      <c r="C3949" s="3" t="s">
        <v>161</v>
      </c>
    </row>
    <row r="3950" spans="1:3" ht="27" x14ac:dyDescent="0.15">
      <c r="A3950" s="3">
        <v>2011411045</v>
      </c>
      <c r="B3950" s="4" t="s">
        <v>2345</v>
      </c>
      <c r="C3950" s="3" t="s">
        <v>161</v>
      </c>
    </row>
    <row r="3951" spans="1:3" x14ac:dyDescent="0.15">
      <c r="A3951" s="3">
        <v>2011411046</v>
      </c>
      <c r="B3951" s="4" t="s">
        <v>2346</v>
      </c>
      <c r="C3951" s="3" t="s">
        <v>161</v>
      </c>
    </row>
    <row r="3952" spans="1:3" ht="27" x14ac:dyDescent="0.15">
      <c r="A3952" s="3">
        <v>2011411050</v>
      </c>
      <c r="B3952" s="4" t="s">
        <v>163</v>
      </c>
      <c r="C3952" s="3" t="s">
        <v>161</v>
      </c>
    </row>
    <row r="3953" spans="1:3" ht="27" x14ac:dyDescent="0.15">
      <c r="A3953" s="3">
        <v>2011411051</v>
      </c>
      <c r="B3953" s="4" t="s">
        <v>162</v>
      </c>
      <c r="C3953" s="3" t="s">
        <v>161</v>
      </c>
    </row>
    <row r="3954" spans="1:3" ht="27" x14ac:dyDescent="0.15">
      <c r="A3954" s="3">
        <v>2011411052</v>
      </c>
      <c r="B3954" s="4" t="s">
        <v>2351</v>
      </c>
      <c r="C3954" s="3" t="s">
        <v>161</v>
      </c>
    </row>
    <row r="3955" spans="1:3" x14ac:dyDescent="0.15">
      <c r="A3955" s="3">
        <v>2011411053</v>
      </c>
      <c r="B3955" s="4" t="s">
        <v>2352</v>
      </c>
      <c r="C3955" s="3" t="s">
        <v>161</v>
      </c>
    </row>
    <row r="3956" spans="1:3" ht="27" x14ac:dyDescent="0.15">
      <c r="A3956" s="3">
        <v>2011411588</v>
      </c>
      <c r="B3956" s="4" t="s">
        <v>3023</v>
      </c>
      <c r="C3956" s="3" t="s">
        <v>161</v>
      </c>
    </row>
    <row r="3957" spans="1:3" ht="27" x14ac:dyDescent="0.15">
      <c r="A3957" s="3">
        <v>2011411589</v>
      </c>
      <c r="B3957" s="4" t="s">
        <v>3024</v>
      </c>
      <c r="C3957" s="3" t="s">
        <v>161</v>
      </c>
    </row>
    <row r="3958" spans="1:3" ht="27" x14ac:dyDescent="0.15">
      <c r="A3958" s="3">
        <v>2011412778</v>
      </c>
      <c r="B3958" s="4" t="s">
        <v>4436</v>
      </c>
      <c r="C3958" s="3" t="s">
        <v>161</v>
      </c>
    </row>
    <row r="3959" spans="1:3" ht="27" x14ac:dyDescent="0.15">
      <c r="A3959" s="3">
        <v>2011412779</v>
      </c>
      <c r="B3959" s="4" t="s">
        <v>4437</v>
      </c>
      <c r="C3959" s="3" t="s">
        <v>161</v>
      </c>
    </row>
    <row r="3960" spans="1:3" ht="27" x14ac:dyDescent="0.15">
      <c r="A3960" s="3">
        <v>2011412780</v>
      </c>
      <c r="B3960" s="4" t="s">
        <v>4438</v>
      </c>
      <c r="C3960" s="3" t="s">
        <v>161</v>
      </c>
    </row>
    <row r="3961" spans="1:3" ht="27" x14ac:dyDescent="0.15">
      <c r="A3961" s="3">
        <v>2011412781</v>
      </c>
      <c r="B3961" s="4" t="s">
        <v>4439</v>
      </c>
      <c r="C3961" s="3" t="s">
        <v>161</v>
      </c>
    </row>
    <row r="3962" spans="1:3" ht="27" x14ac:dyDescent="0.15">
      <c r="A3962" s="3">
        <v>2008400132</v>
      </c>
      <c r="B3962" s="4" t="s">
        <v>165</v>
      </c>
      <c r="C3962" s="3" t="s">
        <v>166</v>
      </c>
    </row>
    <row r="3963" spans="1:3" ht="27" x14ac:dyDescent="0.15">
      <c r="A3963" s="3">
        <v>2008400133</v>
      </c>
      <c r="B3963" s="4" t="s">
        <v>167</v>
      </c>
      <c r="C3963" s="3" t="s">
        <v>166</v>
      </c>
    </row>
    <row r="3964" spans="1:3" ht="27" x14ac:dyDescent="0.15">
      <c r="A3964" s="3">
        <v>2008400134</v>
      </c>
      <c r="B3964" s="4" t="s">
        <v>168</v>
      </c>
      <c r="C3964" s="3" t="s">
        <v>166</v>
      </c>
    </row>
    <row r="3965" spans="1:3" ht="27" x14ac:dyDescent="0.15">
      <c r="A3965" s="3">
        <v>2008400135</v>
      </c>
      <c r="B3965" s="4" t="s">
        <v>169</v>
      </c>
      <c r="C3965" s="3" t="s">
        <v>166</v>
      </c>
    </row>
    <row r="3966" spans="1:3" ht="27" x14ac:dyDescent="0.15">
      <c r="A3966" s="3">
        <v>2008400136</v>
      </c>
      <c r="B3966" s="4" t="s">
        <v>170</v>
      </c>
      <c r="C3966" s="3" t="s">
        <v>166</v>
      </c>
    </row>
    <row r="3967" spans="1:3" ht="27" x14ac:dyDescent="0.15">
      <c r="A3967" s="3">
        <v>2008400137</v>
      </c>
      <c r="B3967" s="4" t="s">
        <v>171</v>
      </c>
      <c r="C3967" s="3" t="s">
        <v>166</v>
      </c>
    </row>
    <row r="3968" spans="1:3" ht="27" x14ac:dyDescent="0.15">
      <c r="A3968" s="3">
        <v>2008400138</v>
      </c>
      <c r="B3968" s="4" t="s">
        <v>172</v>
      </c>
      <c r="C3968" s="3" t="s">
        <v>166</v>
      </c>
    </row>
    <row r="3969" spans="1:3" ht="27" x14ac:dyDescent="0.15">
      <c r="A3969" s="3">
        <v>2008400139</v>
      </c>
      <c r="B3969" s="4" t="s">
        <v>173</v>
      </c>
      <c r="C3969" s="3" t="s">
        <v>166</v>
      </c>
    </row>
    <row r="3970" spans="1:3" ht="27" x14ac:dyDescent="0.15">
      <c r="A3970" s="3">
        <v>2008400140</v>
      </c>
      <c r="B3970" s="4" t="s">
        <v>174</v>
      </c>
      <c r="C3970" s="3" t="s">
        <v>166</v>
      </c>
    </row>
    <row r="3971" spans="1:3" ht="27" x14ac:dyDescent="0.15">
      <c r="A3971" s="3">
        <v>2008400141</v>
      </c>
      <c r="B3971" s="4" t="s">
        <v>175</v>
      </c>
      <c r="C3971" s="3" t="s">
        <v>166</v>
      </c>
    </row>
    <row r="3972" spans="1:3" ht="27" x14ac:dyDescent="0.15">
      <c r="A3972" s="3">
        <v>2008400142</v>
      </c>
      <c r="B3972" s="4" t="s">
        <v>176</v>
      </c>
      <c r="C3972" s="3" t="s">
        <v>166</v>
      </c>
    </row>
    <row r="3973" spans="1:3" ht="27" x14ac:dyDescent="0.15">
      <c r="A3973" s="3">
        <v>2008400143</v>
      </c>
      <c r="B3973" s="4" t="s">
        <v>176</v>
      </c>
      <c r="C3973" s="3" t="s">
        <v>166</v>
      </c>
    </row>
    <row r="3974" spans="1:3" ht="27" x14ac:dyDescent="0.15">
      <c r="A3974" s="3">
        <v>2008400144</v>
      </c>
      <c r="B3974" s="4" t="s">
        <v>177</v>
      </c>
      <c r="C3974" s="3" t="s">
        <v>166</v>
      </c>
    </row>
    <row r="3975" spans="1:3" ht="27" x14ac:dyDescent="0.15">
      <c r="A3975" s="3">
        <v>2008400145</v>
      </c>
      <c r="B3975" s="4" t="s">
        <v>178</v>
      </c>
      <c r="C3975" s="3" t="s">
        <v>166</v>
      </c>
    </row>
    <row r="3976" spans="1:3" ht="27" x14ac:dyDescent="0.15">
      <c r="A3976" s="3">
        <v>2008400146</v>
      </c>
      <c r="B3976" s="4" t="s">
        <v>179</v>
      </c>
      <c r="C3976" s="3" t="s">
        <v>166</v>
      </c>
    </row>
    <row r="3977" spans="1:3" x14ac:dyDescent="0.15">
      <c r="A3977" s="3">
        <v>2008400147</v>
      </c>
      <c r="B3977" s="4" t="s">
        <v>180</v>
      </c>
      <c r="C3977" s="3" t="s">
        <v>166</v>
      </c>
    </row>
    <row r="3978" spans="1:3" ht="27" x14ac:dyDescent="0.15">
      <c r="A3978" s="3">
        <v>2008400148</v>
      </c>
      <c r="B3978" s="4" t="s">
        <v>181</v>
      </c>
      <c r="C3978" s="3" t="s">
        <v>166</v>
      </c>
    </row>
    <row r="3979" spans="1:3" ht="27" x14ac:dyDescent="0.15">
      <c r="A3979" s="3">
        <v>2008400149</v>
      </c>
      <c r="B3979" s="4" t="s">
        <v>182</v>
      </c>
      <c r="C3979" s="3" t="s">
        <v>166</v>
      </c>
    </row>
    <row r="3980" spans="1:3" ht="27" x14ac:dyDescent="0.15">
      <c r="A3980" s="3">
        <v>2008400178</v>
      </c>
      <c r="B3980" s="4" t="s">
        <v>218</v>
      </c>
      <c r="C3980" s="3" t="s">
        <v>166</v>
      </c>
    </row>
    <row r="3981" spans="1:3" ht="27" x14ac:dyDescent="0.15">
      <c r="A3981" s="3">
        <v>2008400179</v>
      </c>
      <c r="B3981" s="4" t="s">
        <v>219</v>
      </c>
      <c r="C3981" s="3" t="s">
        <v>166</v>
      </c>
    </row>
    <row r="3982" spans="1:3" ht="27" x14ac:dyDescent="0.15">
      <c r="A3982" s="3">
        <v>2008400180</v>
      </c>
      <c r="B3982" s="4" t="s">
        <v>220</v>
      </c>
      <c r="C3982" s="3" t="s">
        <v>166</v>
      </c>
    </row>
    <row r="3983" spans="1:3" ht="27" x14ac:dyDescent="0.15">
      <c r="A3983" s="3">
        <v>2008400181</v>
      </c>
      <c r="B3983" s="4" t="s">
        <v>221</v>
      </c>
      <c r="C3983" s="3" t="s">
        <v>166</v>
      </c>
    </row>
    <row r="3984" spans="1:3" ht="27" x14ac:dyDescent="0.15">
      <c r="A3984" s="3">
        <v>2008400182</v>
      </c>
      <c r="B3984" s="4" t="s">
        <v>222</v>
      </c>
      <c r="C3984" s="3" t="s">
        <v>166</v>
      </c>
    </row>
    <row r="3985" spans="1:3" ht="27" x14ac:dyDescent="0.15">
      <c r="A3985" s="3">
        <v>2008400183</v>
      </c>
      <c r="B3985" s="4" t="s">
        <v>223</v>
      </c>
      <c r="C3985" s="3" t="s">
        <v>166</v>
      </c>
    </row>
    <row r="3986" spans="1:3" ht="27" x14ac:dyDescent="0.15">
      <c r="A3986" s="3">
        <v>2008400184</v>
      </c>
      <c r="B3986" s="4" t="s">
        <v>223</v>
      </c>
      <c r="C3986" s="3" t="s">
        <v>166</v>
      </c>
    </row>
    <row r="3987" spans="1:3" x14ac:dyDescent="0.15">
      <c r="A3987" s="3">
        <v>2008400718</v>
      </c>
      <c r="B3987" s="4" t="s">
        <v>846</v>
      </c>
      <c r="C3987" s="3" t="s">
        <v>166</v>
      </c>
    </row>
    <row r="3988" spans="1:3" ht="27" x14ac:dyDescent="0.15">
      <c r="A3988" s="3">
        <v>2008400719</v>
      </c>
      <c r="B3988" s="4" t="s">
        <v>847</v>
      </c>
      <c r="C3988" s="3" t="s">
        <v>166</v>
      </c>
    </row>
    <row r="3989" spans="1:3" ht="27" x14ac:dyDescent="0.15">
      <c r="A3989" s="3">
        <v>2008400720</v>
      </c>
      <c r="B3989" s="4" t="s">
        <v>848</v>
      </c>
      <c r="C3989" s="3" t="s">
        <v>166</v>
      </c>
    </row>
    <row r="3990" spans="1:3" x14ac:dyDescent="0.15">
      <c r="A3990" s="3">
        <v>2008400721</v>
      </c>
      <c r="B3990" s="4" t="s">
        <v>849</v>
      </c>
      <c r="C3990" s="3" t="s">
        <v>166</v>
      </c>
    </row>
    <row r="3991" spans="1:3" ht="27" x14ac:dyDescent="0.15">
      <c r="A3991" s="3">
        <v>2008400722</v>
      </c>
      <c r="B3991" s="4" t="s">
        <v>169</v>
      </c>
      <c r="C3991" s="3" t="s">
        <v>166</v>
      </c>
    </row>
    <row r="3992" spans="1:3" ht="27" x14ac:dyDescent="0.15">
      <c r="A3992" s="3">
        <v>2008400723</v>
      </c>
      <c r="B3992" s="4" t="s">
        <v>850</v>
      </c>
      <c r="C3992" s="3" t="s">
        <v>166</v>
      </c>
    </row>
    <row r="3993" spans="1:3" ht="27" x14ac:dyDescent="0.15">
      <c r="A3993" s="3">
        <v>2008400724</v>
      </c>
      <c r="B3993" s="4" t="s">
        <v>222</v>
      </c>
      <c r="C3993" s="3" t="s">
        <v>166</v>
      </c>
    </row>
    <row r="3994" spans="1:3" ht="27" x14ac:dyDescent="0.15">
      <c r="A3994" s="3">
        <v>2008400725</v>
      </c>
      <c r="B3994" s="4" t="s">
        <v>851</v>
      </c>
      <c r="C3994" s="3" t="s">
        <v>166</v>
      </c>
    </row>
    <row r="3995" spans="1:3" ht="27" x14ac:dyDescent="0.15">
      <c r="A3995" s="3">
        <v>2008400726</v>
      </c>
      <c r="B3995" s="4" t="s">
        <v>176</v>
      </c>
      <c r="C3995" s="3" t="s">
        <v>166</v>
      </c>
    </row>
    <row r="3996" spans="1:3" x14ac:dyDescent="0.15">
      <c r="A3996" s="3">
        <v>2008400727</v>
      </c>
      <c r="B3996" s="4" t="s">
        <v>852</v>
      </c>
      <c r="C3996" s="3" t="s">
        <v>166</v>
      </c>
    </row>
    <row r="3997" spans="1:3" ht="27" x14ac:dyDescent="0.15">
      <c r="A3997" s="3">
        <v>2008400728</v>
      </c>
      <c r="B3997" s="4" t="s">
        <v>853</v>
      </c>
      <c r="C3997" s="3" t="s">
        <v>166</v>
      </c>
    </row>
    <row r="3998" spans="1:3" ht="27" x14ac:dyDescent="0.15">
      <c r="A3998" s="3">
        <v>2008400729</v>
      </c>
      <c r="B3998" s="4" t="s">
        <v>854</v>
      </c>
      <c r="C3998" s="3" t="s">
        <v>166</v>
      </c>
    </row>
    <row r="3999" spans="1:3" ht="27" x14ac:dyDescent="0.15">
      <c r="A3999" s="3">
        <v>2008400730</v>
      </c>
      <c r="B3999" s="4" t="s">
        <v>177</v>
      </c>
      <c r="C3999" s="3" t="s">
        <v>166</v>
      </c>
    </row>
    <row r="4000" spans="1:3" ht="27" x14ac:dyDescent="0.15">
      <c r="A4000" s="3">
        <v>2008400731</v>
      </c>
      <c r="B4000" s="4" t="s">
        <v>855</v>
      </c>
      <c r="C4000" s="3" t="s">
        <v>166</v>
      </c>
    </row>
    <row r="4001" spans="1:3" ht="27" x14ac:dyDescent="0.15">
      <c r="A4001" s="3">
        <v>2008400752</v>
      </c>
      <c r="B4001" s="4" t="s">
        <v>219</v>
      </c>
      <c r="C4001" s="3" t="s">
        <v>166</v>
      </c>
    </row>
    <row r="4002" spans="1:3" ht="27" x14ac:dyDescent="0.15">
      <c r="A4002" s="3">
        <v>2008400753</v>
      </c>
      <c r="B4002" s="4" t="s">
        <v>876</v>
      </c>
      <c r="C4002" s="3" t="s">
        <v>166</v>
      </c>
    </row>
    <row r="4003" spans="1:3" ht="27" x14ac:dyDescent="0.15">
      <c r="A4003" s="3">
        <v>2011410517</v>
      </c>
      <c r="B4003" s="4" t="s">
        <v>1731</v>
      </c>
      <c r="C4003" s="3" t="s">
        <v>166</v>
      </c>
    </row>
    <row r="4004" spans="1:3" x14ac:dyDescent="0.15">
      <c r="A4004" s="3">
        <v>2011410518</v>
      </c>
      <c r="B4004" s="4" t="s">
        <v>1732</v>
      </c>
      <c r="C4004" s="3" t="s">
        <v>166</v>
      </c>
    </row>
    <row r="4005" spans="1:3" x14ac:dyDescent="0.15">
      <c r="A4005" s="3">
        <v>2011410519</v>
      </c>
      <c r="B4005" s="4" t="s">
        <v>1733</v>
      </c>
      <c r="C4005" s="3" t="s">
        <v>166</v>
      </c>
    </row>
    <row r="4006" spans="1:3" ht="27" x14ac:dyDescent="0.15">
      <c r="A4006" s="3">
        <v>2011410520</v>
      </c>
      <c r="B4006" s="4" t="s">
        <v>1734</v>
      </c>
      <c r="C4006" s="3" t="s">
        <v>166</v>
      </c>
    </row>
    <row r="4007" spans="1:3" x14ac:dyDescent="0.15">
      <c r="A4007" s="3">
        <v>2011410521</v>
      </c>
      <c r="B4007" s="4" t="s">
        <v>1735</v>
      </c>
      <c r="C4007" s="3" t="s">
        <v>166</v>
      </c>
    </row>
    <row r="4008" spans="1:3" x14ac:dyDescent="0.15">
      <c r="A4008" s="3">
        <v>2011410522</v>
      </c>
      <c r="B4008" s="4" t="s">
        <v>1736</v>
      </c>
      <c r="C4008" s="3" t="s">
        <v>166</v>
      </c>
    </row>
    <row r="4009" spans="1:3" ht="27" x14ac:dyDescent="0.15">
      <c r="A4009" s="3">
        <v>2011410523</v>
      </c>
      <c r="B4009" s="4" t="s">
        <v>1737</v>
      </c>
      <c r="C4009" s="3" t="s">
        <v>166</v>
      </c>
    </row>
    <row r="4010" spans="1:3" x14ac:dyDescent="0.15">
      <c r="A4010" s="3">
        <v>2011410524</v>
      </c>
      <c r="B4010" s="4" t="s">
        <v>1738</v>
      </c>
      <c r="C4010" s="3" t="s">
        <v>166</v>
      </c>
    </row>
    <row r="4011" spans="1:3" ht="27" x14ac:dyDescent="0.15">
      <c r="A4011" s="3">
        <v>2011410525</v>
      </c>
      <c r="B4011" s="4" t="s">
        <v>1739</v>
      </c>
      <c r="C4011" s="3" t="s">
        <v>166</v>
      </c>
    </row>
    <row r="4012" spans="1:3" ht="27" x14ac:dyDescent="0.15">
      <c r="A4012" s="3">
        <v>2011410526</v>
      </c>
      <c r="B4012" s="4" t="s">
        <v>1740</v>
      </c>
      <c r="C4012" s="3" t="s">
        <v>166</v>
      </c>
    </row>
    <row r="4013" spans="1:3" ht="27" x14ac:dyDescent="0.15">
      <c r="A4013" s="3">
        <v>2011410527</v>
      </c>
      <c r="B4013" s="4" t="s">
        <v>1741</v>
      </c>
      <c r="C4013" s="3" t="s">
        <v>166</v>
      </c>
    </row>
    <row r="4014" spans="1:3" ht="27" x14ac:dyDescent="0.15">
      <c r="A4014" s="3">
        <v>2011410528</v>
      </c>
      <c r="B4014" s="4" t="s">
        <v>1741</v>
      </c>
      <c r="C4014" s="3" t="s">
        <v>166</v>
      </c>
    </row>
    <row r="4015" spans="1:3" x14ac:dyDescent="0.15">
      <c r="A4015" s="3">
        <v>2011410529</v>
      </c>
      <c r="B4015" s="4" t="s">
        <v>1742</v>
      </c>
      <c r="C4015" s="3" t="s">
        <v>166</v>
      </c>
    </row>
    <row r="4016" spans="1:3" x14ac:dyDescent="0.15">
      <c r="A4016" s="3">
        <v>2011410530</v>
      </c>
      <c r="B4016" s="4" t="s">
        <v>1742</v>
      </c>
      <c r="C4016" s="3" t="s">
        <v>166</v>
      </c>
    </row>
    <row r="4017" spans="1:3" ht="27" x14ac:dyDescent="0.15">
      <c r="A4017" s="3">
        <v>2011410668</v>
      </c>
      <c r="B4017" s="4" t="s">
        <v>1933</v>
      </c>
      <c r="C4017" s="3" t="s">
        <v>166</v>
      </c>
    </row>
    <row r="4018" spans="1:3" x14ac:dyDescent="0.15">
      <c r="A4018" s="3">
        <v>2011410669</v>
      </c>
      <c r="B4018" s="4" t="s">
        <v>1934</v>
      </c>
      <c r="C4018" s="3" t="s">
        <v>166</v>
      </c>
    </row>
    <row r="4019" spans="1:3" ht="27" x14ac:dyDescent="0.15">
      <c r="A4019" s="3">
        <v>2011411057</v>
      </c>
      <c r="B4019" s="4" t="s">
        <v>2357</v>
      </c>
      <c r="C4019" s="3" t="s">
        <v>166</v>
      </c>
    </row>
    <row r="4020" spans="1:3" ht="27" x14ac:dyDescent="0.15">
      <c r="A4020" s="3">
        <v>2011411058</v>
      </c>
      <c r="B4020" s="4" t="s">
        <v>2358</v>
      </c>
      <c r="C4020" s="3" t="s">
        <v>166</v>
      </c>
    </row>
    <row r="4021" spans="1:3" ht="27" x14ac:dyDescent="0.15">
      <c r="A4021" s="3">
        <v>2011411189</v>
      </c>
      <c r="B4021" s="4" t="s">
        <v>2526</v>
      </c>
      <c r="C4021" s="3" t="s">
        <v>166</v>
      </c>
    </row>
    <row r="4022" spans="1:3" ht="27" x14ac:dyDescent="0.15">
      <c r="A4022" s="3">
        <v>2011411190</v>
      </c>
      <c r="B4022" s="4" t="s">
        <v>2527</v>
      </c>
      <c r="C4022" s="3" t="s">
        <v>166</v>
      </c>
    </row>
    <row r="4023" spans="1:3" x14ac:dyDescent="0.15">
      <c r="A4023" s="3">
        <v>2011411191</v>
      </c>
      <c r="B4023" s="4" t="s">
        <v>2528</v>
      </c>
      <c r="C4023" s="3" t="s">
        <v>166</v>
      </c>
    </row>
    <row r="4024" spans="1:3" ht="27" x14ac:dyDescent="0.15">
      <c r="A4024" s="3">
        <v>2011411192</v>
      </c>
      <c r="B4024" s="4" t="s">
        <v>2529</v>
      </c>
      <c r="C4024" s="3" t="s">
        <v>166</v>
      </c>
    </row>
    <row r="4025" spans="1:3" ht="27" x14ac:dyDescent="0.15">
      <c r="A4025" s="3">
        <v>2011411193</v>
      </c>
      <c r="B4025" s="4" t="s">
        <v>2530</v>
      </c>
      <c r="C4025" s="3" t="s">
        <v>166</v>
      </c>
    </row>
    <row r="4026" spans="1:3" x14ac:dyDescent="0.15">
      <c r="A4026" s="3">
        <v>2011411194</v>
      </c>
      <c r="B4026" s="4" t="s">
        <v>2531</v>
      </c>
      <c r="C4026" s="3" t="s">
        <v>166</v>
      </c>
    </row>
    <row r="4027" spans="1:3" x14ac:dyDescent="0.15">
      <c r="A4027" s="3">
        <v>2011411195</v>
      </c>
      <c r="B4027" s="4" t="s">
        <v>2532</v>
      </c>
      <c r="C4027" s="3" t="s">
        <v>166</v>
      </c>
    </row>
    <row r="4028" spans="1:3" x14ac:dyDescent="0.15">
      <c r="A4028" s="3">
        <v>2011411196</v>
      </c>
      <c r="B4028" s="4" t="s">
        <v>2533</v>
      </c>
      <c r="C4028" s="3" t="s">
        <v>166</v>
      </c>
    </row>
    <row r="4029" spans="1:3" ht="27" x14ac:dyDescent="0.15">
      <c r="A4029" s="3">
        <v>2008400150</v>
      </c>
      <c r="B4029" s="4" t="s">
        <v>183</v>
      </c>
      <c r="C4029" s="3" t="s">
        <v>184</v>
      </c>
    </row>
    <row r="4030" spans="1:3" ht="27" x14ac:dyDescent="0.15">
      <c r="A4030" s="3">
        <v>2011411061</v>
      </c>
      <c r="B4030" s="4" t="s">
        <v>2363</v>
      </c>
      <c r="C4030" s="3" t="s">
        <v>184</v>
      </c>
    </row>
    <row r="4031" spans="1:3" x14ac:dyDescent="0.15">
      <c r="A4031" s="3">
        <v>2011411200</v>
      </c>
      <c r="B4031" s="4" t="s">
        <v>2537</v>
      </c>
      <c r="C4031" s="3" t="s">
        <v>184</v>
      </c>
    </row>
    <row r="4032" spans="1:3" ht="27" x14ac:dyDescent="0.15">
      <c r="A4032" s="3">
        <v>2011411201</v>
      </c>
      <c r="B4032" s="4" t="s">
        <v>2538</v>
      </c>
      <c r="C4032" s="3" t="s">
        <v>184</v>
      </c>
    </row>
    <row r="4033" spans="1:3" ht="27" x14ac:dyDescent="0.15">
      <c r="A4033" s="3">
        <v>2011411202</v>
      </c>
      <c r="B4033" s="4" t="s">
        <v>2539</v>
      </c>
      <c r="C4033" s="3" t="s">
        <v>184</v>
      </c>
    </row>
    <row r="4034" spans="1:3" ht="27" x14ac:dyDescent="0.15">
      <c r="A4034" s="3">
        <v>2011411203</v>
      </c>
      <c r="B4034" s="4" t="s">
        <v>2540</v>
      </c>
      <c r="C4034" s="3" t="s">
        <v>184</v>
      </c>
    </row>
    <row r="4035" spans="1:3" x14ac:dyDescent="0.15">
      <c r="A4035" s="3">
        <v>2011411204</v>
      </c>
      <c r="B4035" s="4" t="s">
        <v>2541</v>
      </c>
      <c r="C4035" s="3" t="s">
        <v>184</v>
      </c>
    </row>
    <row r="4036" spans="1:3" ht="27" x14ac:dyDescent="0.15">
      <c r="A4036" s="3">
        <v>2011411205</v>
      </c>
      <c r="B4036" s="4" t="s">
        <v>2542</v>
      </c>
      <c r="C4036" s="3" t="s">
        <v>2543</v>
      </c>
    </row>
    <row r="4037" spans="1:3" x14ac:dyDescent="0.15">
      <c r="A4037" s="3">
        <v>2011411206</v>
      </c>
      <c r="B4037" s="4" t="s">
        <v>2544</v>
      </c>
      <c r="C4037" s="3" t="s">
        <v>2543</v>
      </c>
    </row>
    <row r="4038" spans="1:3" ht="27" x14ac:dyDescent="0.15">
      <c r="A4038" s="3">
        <v>2011411318</v>
      </c>
      <c r="B4038" s="4" t="s">
        <v>2687</v>
      </c>
      <c r="C4038" s="3" t="s">
        <v>2543</v>
      </c>
    </row>
    <row r="4039" spans="1:3" x14ac:dyDescent="0.15">
      <c r="A4039" s="3">
        <v>2011411319</v>
      </c>
      <c r="B4039" s="4" t="s">
        <v>2688</v>
      </c>
      <c r="C4039" s="3" t="s">
        <v>2543</v>
      </c>
    </row>
    <row r="4040" spans="1:3" x14ac:dyDescent="0.15">
      <c r="A4040" s="3">
        <v>2011411320</v>
      </c>
      <c r="B4040" s="4" t="s">
        <v>2689</v>
      </c>
      <c r="C4040" s="3" t="s">
        <v>2543</v>
      </c>
    </row>
    <row r="4041" spans="1:3" x14ac:dyDescent="0.15">
      <c r="A4041" s="3">
        <v>2011411321</v>
      </c>
      <c r="B4041" s="4" t="s">
        <v>2690</v>
      </c>
      <c r="C4041" s="3" t="s">
        <v>2543</v>
      </c>
    </row>
    <row r="4042" spans="1:3" x14ac:dyDescent="0.15">
      <c r="A4042" s="3">
        <v>2011411208</v>
      </c>
      <c r="B4042" s="4" t="s">
        <v>2547</v>
      </c>
      <c r="C4042" s="3" t="s">
        <v>2548</v>
      </c>
    </row>
    <row r="4043" spans="1:3" ht="27" x14ac:dyDescent="0.15">
      <c r="A4043" s="3">
        <v>2011411223</v>
      </c>
      <c r="B4043" s="4" t="s">
        <v>2565</v>
      </c>
      <c r="C4043" s="3" t="s">
        <v>2566</v>
      </c>
    </row>
    <row r="4044" spans="1:3" ht="27" x14ac:dyDescent="0.15">
      <c r="A4044" s="3">
        <v>2011411225</v>
      </c>
      <c r="B4044" s="4" t="s">
        <v>2569</v>
      </c>
      <c r="C4044" s="3" t="s">
        <v>2570</v>
      </c>
    </row>
    <row r="4045" spans="1:3" ht="27" x14ac:dyDescent="0.15">
      <c r="A4045" s="3">
        <v>2011411226</v>
      </c>
      <c r="B4045" s="4" t="s">
        <v>2571</v>
      </c>
      <c r="C4045" s="3" t="s">
        <v>2570</v>
      </c>
    </row>
    <row r="4046" spans="1:3" ht="27" x14ac:dyDescent="0.15">
      <c r="A4046" s="3">
        <v>2011411227</v>
      </c>
      <c r="B4046" s="4" t="s">
        <v>2572</v>
      </c>
      <c r="C4046" s="3" t="s">
        <v>2570</v>
      </c>
    </row>
    <row r="4047" spans="1:3" ht="27" x14ac:dyDescent="0.15">
      <c r="A4047" s="3">
        <v>2011411229</v>
      </c>
      <c r="B4047" s="4" t="s">
        <v>2575</v>
      </c>
      <c r="C4047" s="3" t="s">
        <v>2576</v>
      </c>
    </row>
    <row r="4048" spans="1:3" x14ac:dyDescent="0.15">
      <c r="A4048" s="3">
        <v>2011411230</v>
      </c>
      <c r="B4048" s="4" t="s">
        <v>2577</v>
      </c>
      <c r="C4048" s="3" t="s">
        <v>2576</v>
      </c>
    </row>
    <row r="4049" spans="1:3" ht="27" x14ac:dyDescent="0.15">
      <c r="A4049" s="3">
        <v>2008400863</v>
      </c>
      <c r="B4049" s="4" t="s">
        <v>1002</v>
      </c>
      <c r="C4049" s="3" t="s">
        <v>1003</v>
      </c>
    </row>
    <row r="4050" spans="1:3" x14ac:dyDescent="0.15">
      <c r="A4050" s="3">
        <v>2011412735</v>
      </c>
      <c r="B4050" s="4" t="s">
        <v>4390</v>
      </c>
      <c r="C4050" s="3" t="s">
        <v>4391</v>
      </c>
    </row>
    <row r="4051" spans="1:3" x14ac:dyDescent="0.15">
      <c r="A4051" s="3">
        <v>2011412916</v>
      </c>
      <c r="B4051" s="4" t="s">
        <v>4593</v>
      </c>
      <c r="C4051" s="3" t="s">
        <v>4594</v>
      </c>
    </row>
    <row r="4052" spans="1:3" ht="27" x14ac:dyDescent="0.15">
      <c r="A4052" s="3">
        <v>2011411328</v>
      </c>
      <c r="B4052" s="4" t="s">
        <v>2701</v>
      </c>
      <c r="C4052" s="3" t="s">
        <v>2702</v>
      </c>
    </row>
    <row r="4053" spans="1:3" x14ac:dyDescent="0.15">
      <c r="A4053" s="3">
        <v>2011411329</v>
      </c>
      <c r="B4053" s="4" t="s">
        <v>2703</v>
      </c>
      <c r="C4053" s="3" t="s">
        <v>2702</v>
      </c>
    </row>
    <row r="4054" spans="1:3" ht="27" x14ac:dyDescent="0.15">
      <c r="A4054" s="3">
        <v>2011411330</v>
      </c>
      <c r="B4054" s="4" t="s">
        <v>2704</v>
      </c>
      <c r="C4054" s="3" t="s">
        <v>2702</v>
      </c>
    </row>
    <row r="4055" spans="1:3" x14ac:dyDescent="0.15">
      <c r="A4055" s="3">
        <v>2011411332</v>
      </c>
      <c r="B4055" s="4" t="s">
        <v>2707</v>
      </c>
      <c r="C4055" s="3" t="s">
        <v>2702</v>
      </c>
    </row>
    <row r="4056" spans="1:3" x14ac:dyDescent="0.15">
      <c r="A4056" s="3">
        <v>2011411333</v>
      </c>
      <c r="B4056" s="4" t="s">
        <v>2708</v>
      </c>
      <c r="C4056" s="3" t="s">
        <v>2702</v>
      </c>
    </row>
    <row r="4057" spans="1:3" x14ac:dyDescent="0.15">
      <c r="A4057" s="3">
        <v>2011411334</v>
      </c>
      <c r="B4057" s="4" t="s">
        <v>2709</v>
      </c>
      <c r="C4057" s="3" t="s">
        <v>2702</v>
      </c>
    </row>
    <row r="4058" spans="1:3" x14ac:dyDescent="0.15">
      <c r="A4058" s="3">
        <v>2011411245</v>
      </c>
      <c r="B4058" s="4" t="s">
        <v>2598</v>
      </c>
      <c r="C4058" s="3" t="s">
        <v>2599</v>
      </c>
    </row>
    <row r="4059" spans="1:3" x14ac:dyDescent="0.15">
      <c r="A4059" s="3">
        <v>2011413551</v>
      </c>
      <c r="B4059" s="4" t="s">
        <v>5400</v>
      </c>
      <c r="C4059" s="3" t="s">
        <v>5401</v>
      </c>
    </row>
    <row r="4060" spans="1:3" x14ac:dyDescent="0.15">
      <c r="A4060" s="3">
        <v>2011411260</v>
      </c>
      <c r="B4060" s="4" t="s">
        <v>2614</v>
      </c>
      <c r="C4060" s="3" t="s">
        <v>2615</v>
      </c>
    </row>
    <row r="4061" spans="1:3" ht="27" x14ac:dyDescent="0.15">
      <c r="A4061" s="3">
        <v>2011411261</v>
      </c>
      <c r="B4061" s="4" t="s">
        <v>2616</v>
      </c>
      <c r="C4061" s="3" t="s">
        <v>2615</v>
      </c>
    </row>
    <row r="4062" spans="1:3" ht="27" x14ac:dyDescent="0.15">
      <c r="A4062" s="3">
        <v>2011411262</v>
      </c>
      <c r="B4062" s="4" t="s">
        <v>2616</v>
      </c>
      <c r="C4062" s="3" t="s">
        <v>2615</v>
      </c>
    </row>
    <row r="4063" spans="1:3" x14ac:dyDescent="0.15">
      <c r="A4063" s="3">
        <v>2011411350</v>
      </c>
      <c r="B4063" s="4" t="s">
        <v>2733</v>
      </c>
      <c r="C4063" s="3" t="s">
        <v>2734</v>
      </c>
    </row>
    <row r="4064" spans="1:3" x14ac:dyDescent="0.15">
      <c r="A4064" s="3">
        <v>2011411351</v>
      </c>
      <c r="B4064" s="4" t="s">
        <v>2733</v>
      </c>
      <c r="C4064" s="3" t="s">
        <v>2734</v>
      </c>
    </row>
    <row r="4065" spans="1:3" x14ac:dyDescent="0.15">
      <c r="A4065" s="3">
        <v>2011414332</v>
      </c>
      <c r="B4065" s="4" t="s">
        <v>2733</v>
      </c>
      <c r="C4065" s="3" t="s">
        <v>2734</v>
      </c>
    </row>
    <row r="4066" spans="1:3" x14ac:dyDescent="0.15">
      <c r="A4066" s="3">
        <v>2011411263</v>
      </c>
      <c r="B4066" s="4" t="s">
        <v>2617</v>
      </c>
      <c r="C4066" s="3" t="s">
        <v>2618</v>
      </c>
    </row>
    <row r="4067" spans="1:3" ht="27" x14ac:dyDescent="0.15">
      <c r="A4067" s="3">
        <v>2011411264</v>
      </c>
      <c r="B4067" s="4" t="s">
        <v>2619</v>
      </c>
      <c r="C4067" s="3" t="s">
        <v>2618</v>
      </c>
    </row>
    <row r="4068" spans="1:3" ht="27" x14ac:dyDescent="0.15">
      <c r="A4068" s="3">
        <v>2011411265</v>
      </c>
      <c r="B4068" s="4" t="s">
        <v>2620</v>
      </c>
      <c r="C4068" s="3" t="s">
        <v>2618</v>
      </c>
    </row>
    <row r="4069" spans="1:3" ht="27" x14ac:dyDescent="0.15">
      <c r="A4069" s="3">
        <v>2011411266</v>
      </c>
      <c r="B4069" s="4" t="s">
        <v>2621</v>
      </c>
      <c r="C4069" s="3" t="s">
        <v>2618</v>
      </c>
    </row>
    <row r="4070" spans="1:3" x14ac:dyDescent="0.15">
      <c r="A4070" s="3">
        <v>2011411338</v>
      </c>
      <c r="B4070" s="4" t="s">
        <v>2716</v>
      </c>
      <c r="C4070" s="3" t="s">
        <v>2618</v>
      </c>
    </row>
    <row r="4071" spans="1:3" ht="27" x14ac:dyDescent="0.15">
      <c r="A4071" s="3">
        <v>2011411339</v>
      </c>
      <c r="B4071" s="4" t="s">
        <v>2717</v>
      </c>
      <c r="C4071" s="3" t="s">
        <v>2618</v>
      </c>
    </row>
    <row r="4072" spans="1:3" x14ac:dyDescent="0.15">
      <c r="A4072" s="3">
        <v>2011411340</v>
      </c>
      <c r="B4072" s="4" t="s">
        <v>2718</v>
      </c>
      <c r="C4072" s="3" t="s">
        <v>2618</v>
      </c>
    </row>
    <row r="4073" spans="1:3" x14ac:dyDescent="0.15">
      <c r="A4073" s="3">
        <v>2011411342</v>
      </c>
      <c r="B4073" s="4" t="s">
        <v>2721</v>
      </c>
      <c r="C4073" s="3" t="s">
        <v>2722</v>
      </c>
    </row>
    <row r="4074" spans="1:3" x14ac:dyDescent="0.15">
      <c r="A4074" s="3">
        <v>2011411343</v>
      </c>
      <c r="B4074" s="4" t="s">
        <v>2723</v>
      </c>
      <c r="C4074" s="3" t="s">
        <v>2722</v>
      </c>
    </row>
    <row r="4075" spans="1:3" x14ac:dyDescent="0.15">
      <c r="A4075" s="3">
        <v>2011411344</v>
      </c>
      <c r="B4075" s="4" t="s">
        <v>2724</v>
      </c>
      <c r="C4075" s="3" t="s">
        <v>2722</v>
      </c>
    </row>
    <row r="4076" spans="1:3" ht="27" x14ac:dyDescent="0.15">
      <c r="A4076" s="3">
        <v>2011411274</v>
      </c>
      <c r="B4076" s="4" t="s">
        <v>2632</v>
      </c>
      <c r="C4076" s="3" t="s">
        <v>2633</v>
      </c>
    </row>
    <row r="4077" spans="1:3" ht="67.5" x14ac:dyDescent="0.15">
      <c r="A4077" s="3">
        <v>2008400784</v>
      </c>
      <c r="B4077" s="4" t="s">
        <v>909</v>
      </c>
      <c r="C4077" s="3" t="s">
        <v>910</v>
      </c>
    </row>
    <row r="4078" spans="1:3" ht="67.5" x14ac:dyDescent="0.15">
      <c r="A4078" s="3">
        <v>2011411368</v>
      </c>
      <c r="B4078" s="4" t="s">
        <v>2755</v>
      </c>
      <c r="C4078" s="3" t="s">
        <v>910</v>
      </c>
    </row>
    <row r="4079" spans="1:3" ht="67.5" x14ac:dyDescent="0.15">
      <c r="A4079" s="3">
        <v>2008400785</v>
      </c>
      <c r="B4079" s="4" t="s">
        <v>909</v>
      </c>
      <c r="C4079" s="3" t="s">
        <v>911</v>
      </c>
    </row>
    <row r="4080" spans="1:3" ht="67.5" x14ac:dyDescent="0.15">
      <c r="A4080" s="3">
        <v>2011411369</v>
      </c>
      <c r="B4080" s="4" t="s">
        <v>2755</v>
      </c>
      <c r="C4080" s="3" t="s">
        <v>911</v>
      </c>
    </row>
    <row r="4081" spans="1:3" ht="27" x14ac:dyDescent="0.15">
      <c r="A4081" s="3">
        <v>2011410289</v>
      </c>
      <c r="B4081" s="4" t="s">
        <v>1455</v>
      </c>
      <c r="C4081" s="3" t="s">
        <v>1456</v>
      </c>
    </row>
    <row r="4082" spans="1:3" ht="27" x14ac:dyDescent="0.15">
      <c r="A4082" s="3">
        <v>2011410290</v>
      </c>
      <c r="B4082" s="4" t="s">
        <v>1455</v>
      </c>
      <c r="C4082" s="3" t="s">
        <v>1456</v>
      </c>
    </row>
    <row r="4083" spans="1:3" ht="27" x14ac:dyDescent="0.15">
      <c r="A4083" s="3">
        <v>2011410291</v>
      </c>
      <c r="B4083" s="4" t="s">
        <v>1457</v>
      </c>
      <c r="C4083" s="3" t="s">
        <v>1456</v>
      </c>
    </row>
    <row r="4084" spans="1:3" ht="40.5" x14ac:dyDescent="0.15">
      <c r="A4084" s="3">
        <v>2011411372</v>
      </c>
      <c r="B4084" s="4" t="s">
        <v>2757</v>
      </c>
      <c r="C4084" s="3" t="s">
        <v>1456</v>
      </c>
    </row>
    <row r="4085" spans="1:3" ht="27" x14ac:dyDescent="0.15">
      <c r="A4085" s="3">
        <v>2011414325</v>
      </c>
      <c r="B4085" s="4" t="s">
        <v>6442</v>
      </c>
      <c r="C4085" s="3" t="s">
        <v>1456</v>
      </c>
    </row>
    <row r="4086" spans="1:3" ht="27" x14ac:dyDescent="0.15">
      <c r="A4086" s="3">
        <v>2011410709</v>
      </c>
      <c r="B4086" s="4" t="s">
        <v>1987</v>
      </c>
      <c r="C4086" s="3" t="s">
        <v>1988</v>
      </c>
    </row>
    <row r="4087" spans="1:3" ht="27" x14ac:dyDescent="0.15">
      <c r="A4087" s="3">
        <v>2011411376</v>
      </c>
      <c r="B4087" s="4" t="s">
        <v>2763</v>
      </c>
      <c r="C4087" s="3" t="s">
        <v>1988</v>
      </c>
    </row>
    <row r="4088" spans="1:3" ht="27" x14ac:dyDescent="0.15">
      <c r="A4088" s="3">
        <v>2011411377</v>
      </c>
      <c r="B4088" s="4" t="s">
        <v>2763</v>
      </c>
      <c r="C4088" s="3" t="s">
        <v>1988</v>
      </c>
    </row>
    <row r="4089" spans="1:3" x14ac:dyDescent="0.15">
      <c r="A4089" s="3">
        <v>2011411405</v>
      </c>
      <c r="B4089" s="4" t="s">
        <v>2798</v>
      </c>
      <c r="C4089" s="3" t="s">
        <v>1988</v>
      </c>
    </row>
    <row r="4090" spans="1:3" ht="27" x14ac:dyDescent="0.15">
      <c r="A4090" s="3">
        <v>2011414336</v>
      </c>
      <c r="B4090" s="4" t="s">
        <v>6454</v>
      </c>
      <c r="C4090" s="3" t="s">
        <v>1988</v>
      </c>
    </row>
    <row r="4091" spans="1:3" ht="27" x14ac:dyDescent="0.15">
      <c r="A4091" s="3">
        <v>2011411353</v>
      </c>
      <c r="B4091" s="4" t="s">
        <v>2737</v>
      </c>
      <c r="C4091" s="3" t="s">
        <v>2738</v>
      </c>
    </row>
    <row r="4092" spans="1:3" ht="40.5" x14ac:dyDescent="0.15">
      <c r="A4092" s="3">
        <v>2011411375</v>
      </c>
      <c r="B4092" s="4" t="s">
        <v>2762</v>
      </c>
      <c r="C4092" s="3" t="s">
        <v>2738</v>
      </c>
    </row>
    <row r="4093" spans="1:3" ht="40.5" x14ac:dyDescent="0.15">
      <c r="A4093" s="3">
        <v>2011414324</v>
      </c>
      <c r="B4093" s="4" t="s">
        <v>6441</v>
      </c>
      <c r="C4093" s="3" t="s">
        <v>2738</v>
      </c>
    </row>
    <row r="4094" spans="1:3" ht="40.5" x14ac:dyDescent="0.15">
      <c r="A4094" s="3">
        <v>2011411365</v>
      </c>
      <c r="B4094" s="4" t="s">
        <v>2751</v>
      </c>
      <c r="C4094" s="3" t="s">
        <v>2752</v>
      </c>
    </row>
    <row r="4095" spans="1:3" ht="27" x14ac:dyDescent="0.15">
      <c r="A4095" s="3">
        <v>2011411380</v>
      </c>
      <c r="B4095" s="4" t="s">
        <v>2768</v>
      </c>
      <c r="C4095" s="3" t="s">
        <v>2752</v>
      </c>
    </row>
    <row r="4096" spans="1:3" ht="40.5" x14ac:dyDescent="0.15">
      <c r="A4096" s="3">
        <v>2011411402</v>
      </c>
      <c r="B4096" s="4" t="s">
        <v>2793</v>
      </c>
      <c r="C4096" s="3" t="s">
        <v>2752</v>
      </c>
    </row>
    <row r="4097" spans="1:3" ht="27" x14ac:dyDescent="0.15">
      <c r="A4097" s="3">
        <v>2011414345</v>
      </c>
      <c r="B4097" s="4" t="s">
        <v>6463</v>
      </c>
      <c r="C4097" s="3" t="s">
        <v>2752</v>
      </c>
    </row>
    <row r="4098" spans="1:3" ht="40.5" x14ac:dyDescent="0.15">
      <c r="A4098" s="3">
        <v>2011411373</v>
      </c>
      <c r="B4098" s="4" t="s">
        <v>2758</v>
      </c>
      <c r="C4098" s="3" t="s">
        <v>2759</v>
      </c>
    </row>
    <row r="4099" spans="1:3" ht="67.5" x14ac:dyDescent="0.15">
      <c r="A4099" s="3">
        <v>2011411381</v>
      </c>
      <c r="B4099" s="4" t="s">
        <v>2769</v>
      </c>
      <c r="C4099" s="3" t="s">
        <v>2759</v>
      </c>
    </row>
    <row r="4100" spans="1:3" ht="67.5" x14ac:dyDescent="0.15">
      <c r="A4100" s="3">
        <v>2011411382</v>
      </c>
      <c r="B4100" s="4" t="s">
        <v>2769</v>
      </c>
      <c r="C4100" s="3" t="s">
        <v>2759</v>
      </c>
    </row>
    <row r="4101" spans="1:3" ht="27" x14ac:dyDescent="0.15">
      <c r="A4101" s="3">
        <v>2011411383</v>
      </c>
      <c r="B4101" s="4" t="s">
        <v>2770</v>
      </c>
      <c r="C4101" s="3" t="s">
        <v>2759</v>
      </c>
    </row>
    <row r="4102" spans="1:3" ht="27" x14ac:dyDescent="0.15">
      <c r="A4102" s="3">
        <v>2011411385</v>
      </c>
      <c r="B4102" s="4" t="s">
        <v>2773</v>
      </c>
      <c r="C4102" s="3" t="s">
        <v>2759</v>
      </c>
    </row>
    <row r="4103" spans="1:3" ht="27" x14ac:dyDescent="0.15">
      <c r="A4103" s="3">
        <v>2011412070</v>
      </c>
      <c r="B4103" s="4" t="s">
        <v>3582</v>
      </c>
      <c r="C4103" s="3" t="s">
        <v>2759</v>
      </c>
    </row>
    <row r="4104" spans="1:3" ht="27" x14ac:dyDescent="0.15">
      <c r="A4104" s="3">
        <v>2011412083</v>
      </c>
      <c r="B4104" s="4" t="s">
        <v>3598</v>
      </c>
      <c r="C4104" s="3" t="s">
        <v>2759</v>
      </c>
    </row>
    <row r="4105" spans="1:3" ht="27" x14ac:dyDescent="0.15">
      <c r="A4105" s="3">
        <v>2011412089</v>
      </c>
      <c r="B4105" s="4" t="s">
        <v>3604</v>
      </c>
      <c r="C4105" s="3" t="s">
        <v>2759</v>
      </c>
    </row>
    <row r="4106" spans="1:3" ht="27" x14ac:dyDescent="0.15">
      <c r="A4106" s="3">
        <v>2011412090</v>
      </c>
      <c r="B4106" s="4" t="s">
        <v>3605</v>
      </c>
      <c r="C4106" s="3" t="s">
        <v>2759</v>
      </c>
    </row>
    <row r="4107" spans="1:3" ht="40.5" x14ac:dyDescent="0.15">
      <c r="A4107" s="3">
        <v>2011412104</v>
      </c>
      <c r="B4107" s="4" t="s">
        <v>3619</v>
      </c>
      <c r="C4107" s="3" t="s">
        <v>2759</v>
      </c>
    </row>
    <row r="4108" spans="1:3" ht="54" x14ac:dyDescent="0.15">
      <c r="A4108" s="3">
        <v>2011412126</v>
      </c>
      <c r="B4108" s="4" t="s">
        <v>3641</v>
      </c>
      <c r="C4108" s="3" t="s">
        <v>2759</v>
      </c>
    </row>
    <row r="4109" spans="1:3" ht="67.5" x14ac:dyDescent="0.15">
      <c r="A4109" s="3">
        <v>2011414323</v>
      </c>
      <c r="B4109" s="4" t="s">
        <v>6440</v>
      </c>
      <c r="C4109" s="3" t="s">
        <v>2759</v>
      </c>
    </row>
    <row r="4110" spans="1:3" ht="27" x14ac:dyDescent="0.15">
      <c r="A4110" s="3">
        <v>2011414327</v>
      </c>
      <c r="B4110" s="4" t="s">
        <v>6445</v>
      </c>
      <c r="C4110" s="3" t="s">
        <v>2759</v>
      </c>
    </row>
    <row r="4111" spans="1:3" ht="27" x14ac:dyDescent="0.15">
      <c r="A4111" s="3">
        <v>2011414329</v>
      </c>
      <c r="B4111" s="4" t="s">
        <v>6447</v>
      </c>
      <c r="C4111" s="3" t="s">
        <v>2759</v>
      </c>
    </row>
    <row r="4112" spans="1:3" ht="27" x14ac:dyDescent="0.15">
      <c r="A4112" s="3">
        <v>2011414330</v>
      </c>
      <c r="B4112" s="4" t="s">
        <v>6448</v>
      </c>
      <c r="C4112" s="3" t="s">
        <v>2759</v>
      </c>
    </row>
    <row r="4113" spans="1:3" ht="27" x14ac:dyDescent="0.15">
      <c r="A4113" s="3">
        <v>2011414342</v>
      </c>
      <c r="B4113" s="4" t="s">
        <v>3605</v>
      </c>
      <c r="C4113" s="3" t="s">
        <v>2759</v>
      </c>
    </row>
    <row r="4114" spans="1:3" ht="40.5" x14ac:dyDescent="0.15">
      <c r="A4114" s="3">
        <v>2011414343</v>
      </c>
      <c r="B4114" s="4" t="s">
        <v>6460</v>
      </c>
      <c r="C4114" s="3" t="s">
        <v>2759</v>
      </c>
    </row>
    <row r="4115" spans="1:3" ht="27" x14ac:dyDescent="0.15">
      <c r="A4115" s="3">
        <v>2011411386</v>
      </c>
      <c r="B4115" s="4" t="s">
        <v>2774</v>
      </c>
      <c r="C4115" s="3" t="s">
        <v>2775</v>
      </c>
    </row>
    <row r="4116" spans="1:3" ht="27" x14ac:dyDescent="0.15">
      <c r="A4116" s="3">
        <v>2011411387</v>
      </c>
      <c r="B4116" s="4" t="s">
        <v>2776</v>
      </c>
      <c r="C4116" s="3" t="s">
        <v>2775</v>
      </c>
    </row>
    <row r="4117" spans="1:3" ht="27" x14ac:dyDescent="0.15">
      <c r="A4117" s="3">
        <v>2011412456</v>
      </c>
      <c r="B4117" s="4" t="s">
        <v>4049</v>
      </c>
      <c r="C4117" s="3" t="s">
        <v>2775</v>
      </c>
    </row>
    <row r="4118" spans="1:3" ht="40.5" x14ac:dyDescent="0.15">
      <c r="A4118" s="3">
        <v>2011414338</v>
      </c>
      <c r="B4118" s="4" t="s">
        <v>6456</v>
      </c>
      <c r="C4118" s="3" t="s">
        <v>6457</v>
      </c>
    </row>
    <row r="4119" spans="1:3" ht="27" x14ac:dyDescent="0.15">
      <c r="A4119" s="3">
        <v>2011411404</v>
      </c>
      <c r="B4119" s="4" t="s">
        <v>2796</v>
      </c>
      <c r="C4119" s="3" t="s">
        <v>2797</v>
      </c>
    </row>
    <row r="4120" spans="1:3" ht="27" x14ac:dyDescent="0.15">
      <c r="A4120" s="3">
        <v>2011411388</v>
      </c>
      <c r="B4120" s="4" t="s">
        <v>2777</v>
      </c>
      <c r="C4120" s="3" t="s">
        <v>2778</v>
      </c>
    </row>
    <row r="4121" spans="1:3" x14ac:dyDescent="0.15">
      <c r="A4121" s="3">
        <v>2011411378</v>
      </c>
      <c r="B4121" s="4" t="s">
        <v>2764</v>
      </c>
      <c r="C4121" s="3" t="s">
        <v>2765</v>
      </c>
    </row>
    <row r="4122" spans="1:3" ht="27" x14ac:dyDescent="0.15">
      <c r="A4122" s="3">
        <v>2011411391</v>
      </c>
      <c r="B4122" s="4" t="s">
        <v>2783</v>
      </c>
      <c r="C4122" s="3" t="s">
        <v>2765</v>
      </c>
    </row>
    <row r="4123" spans="1:3" ht="27" x14ac:dyDescent="0.15">
      <c r="A4123" s="3">
        <v>2011411392</v>
      </c>
      <c r="B4123" s="4" t="s">
        <v>2784</v>
      </c>
      <c r="C4123" s="3" t="s">
        <v>2765</v>
      </c>
    </row>
    <row r="4124" spans="1:3" ht="40.5" x14ac:dyDescent="0.15">
      <c r="A4124" s="3">
        <v>2011411393</v>
      </c>
      <c r="B4124" s="4" t="s">
        <v>2785</v>
      </c>
      <c r="C4124" s="3" t="s">
        <v>2765</v>
      </c>
    </row>
    <row r="4125" spans="1:3" ht="27" x14ac:dyDescent="0.15">
      <c r="A4125" s="3">
        <v>2011414331</v>
      </c>
      <c r="B4125" s="4" t="s">
        <v>6449</v>
      </c>
      <c r="C4125" s="3" t="s">
        <v>2765</v>
      </c>
    </row>
    <row r="4126" spans="1:3" ht="40.5" x14ac:dyDescent="0.15">
      <c r="A4126" s="3">
        <v>2011411394</v>
      </c>
      <c r="B4126" s="4" t="s">
        <v>2786</v>
      </c>
      <c r="C4126" s="3" t="s">
        <v>2787</v>
      </c>
    </row>
    <row r="4127" spans="1:3" ht="40.5" x14ac:dyDescent="0.15">
      <c r="A4127" s="3">
        <v>2011411395</v>
      </c>
      <c r="B4127" s="4" t="s">
        <v>2788</v>
      </c>
      <c r="C4127" s="3" t="s">
        <v>2787</v>
      </c>
    </row>
    <row r="4128" spans="1:3" ht="27" x14ac:dyDescent="0.15">
      <c r="A4128" s="3">
        <v>2011411396</v>
      </c>
      <c r="B4128" s="4" t="s">
        <v>2789</v>
      </c>
      <c r="C4128" s="3" t="s">
        <v>2787</v>
      </c>
    </row>
    <row r="4129" spans="1:3" ht="27" x14ac:dyDescent="0.15">
      <c r="A4129" s="3">
        <v>2011411397</v>
      </c>
      <c r="B4129" s="4" t="s">
        <v>2789</v>
      </c>
      <c r="C4129" s="3" t="s">
        <v>2787</v>
      </c>
    </row>
    <row r="4130" spans="1:3" ht="40.5" x14ac:dyDescent="0.15">
      <c r="A4130" s="3">
        <v>2011411398</v>
      </c>
      <c r="B4130" s="4" t="s">
        <v>2790</v>
      </c>
      <c r="C4130" s="3" t="s">
        <v>2787</v>
      </c>
    </row>
    <row r="4131" spans="1:3" ht="27" x14ac:dyDescent="0.15">
      <c r="A4131" s="3">
        <v>2011411384</v>
      </c>
      <c r="B4131" s="4" t="s">
        <v>2771</v>
      </c>
      <c r="C4131" s="3" t="s">
        <v>2772</v>
      </c>
    </row>
    <row r="4132" spans="1:3" ht="27" x14ac:dyDescent="0.15">
      <c r="A4132" s="3">
        <v>2011411399</v>
      </c>
      <c r="B4132" s="4" t="s">
        <v>2791</v>
      </c>
      <c r="C4132" s="3" t="s">
        <v>2772</v>
      </c>
    </row>
    <row r="4133" spans="1:3" ht="27" x14ac:dyDescent="0.15">
      <c r="A4133" s="3">
        <v>2011411400</v>
      </c>
      <c r="B4133" s="4" t="s">
        <v>2791</v>
      </c>
      <c r="C4133" s="3" t="s">
        <v>2772</v>
      </c>
    </row>
    <row r="4134" spans="1:3" ht="40.5" x14ac:dyDescent="0.15">
      <c r="A4134" s="3">
        <v>2011411401</v>
      </c>
      <c r="B4134" s="4" t="s">
        <v>2792</v>
      </c>
      <c r="C4134" s="3" t="s">
        <v>2772</v>
      </c>
    </row>
    <row r="4135" spans="1:3" ht="27" x14ac:dyDescent="0.15">
      <c r="A4135" s="3">
        <v>2011413667</v>
      </c>
      <c r="B4135" s="4" t="s">
        <v>5534</v>
      </c>
      <c r="C4135" s="3" t="s">
        <v>2772</v>
      </c>
    </row>
    <row r="4136" spans="1:3" ht="27" x14ac:dyDescent="0.15">
      <c r="A4136" s="3">
        <v>2011413668</v>
      </c>
      <c r="B4136" s="4" t="s">
        <v>5534</v>
      </c>
      <c r="C4136" s="3" t="s">
        <v>2772</v>
      </c>
    </row>
    <row r="4137" spans="1:3" x14ac:dyDescent="0.15">
      <c r="A4137" s="3">
        <v>2011414337</v>
      </c>
      <c r="B4137" s="4" t="s">
        <v>6455</v>
      </c>
      <c r="C4137" s="3" t="s">
        <v>2772</v>
      </c>
    </row>
    <row r="4138" spans="1:3" ht="27" x14ac:dyDescent="0.15">
      <c r="A4138" s="3">
        <v>2011414339</v>
      </c>
      <c r="B4138" s="4" t="s">
        <v>2791</v>
      </c>
      <c r="C4138" s="3" t="s">
        <v>2772</v>
      </c>
    </row>
    <row r="4139" spans="1:3" x14ac:dyDescent="0.15">
      <c r="A4139" s="3">
        <v>2011414568</v>
      </c>
      <c r="B4139" s="4" t="s">
        <v>6762</v>
      </c>
      <c r="C4139" s="3" t="s">
        <v>2772</v>
      </c>
    </row>
    <row r="4140" spans="1:3" ht="40.5" x14ac:dyDescent="0.15">
      <c r="A4140" s="3">
        <v>2011414341</v>
      </c>
      <c r="B4140" s="4" t="s">
        <v>6458</v>
      </c>
      <c r="C4140" s="3" t="s">
        <v>6459</v>
      </c>
    </row>
    <row r="4141" spans="1:3" x14ac:dyDescent="0.15">
      <c r="A4141" s="3">
        <v>2008400167</v>
      </c>
      <c r="B4141" s="4" t="s">
        <v>206</v>
      </c>
      <c r="C4141" s="3" t="s">
        <v>207</v>
      </c>
    </row>
    <row r="4142" spans="1:3" ht="54" x14ac:dyDescent="0.15">
      <c r="A4142" s="3">
        <v>2008400168</v>
      </c>
      <c r="B4142" s="4" t="s">
        <v>208</v>
      </c>
      <c r="C4142" s="3" t="s">
        <v>207</v>
      </c>
    </row>
    <row r="4143" spans="1:3" x14ac:dyDescent="0.15">
      <c r="A4143" s="3">
        <v>2008400169</v>
      </c>
      <c r="B4143" s="4" t="s">
        <v>209</v>
      </c>
      <c r="C4143" s="3" t="s">
        <v>207</v>
      </c>
    </row>
    <row r="4144" spans="1:3" ht="27" x14ac:dyDescent="0.15">
      <c r="A4144" s="3">
        <v>2008400170</v>
      </c>
      <c r="B4144" s="4" t="s">
        <v>210</v>
      </c>
      <c r="C4144" s="3" t="s">
        <v>207</v>
      </c>
    </row>
    <row r="4145" spans="1:3" ht="27" x14ac:dyDescent="0.15">
      <c r="A4145" s="3">
        <v>2008400171</v>
      </c>
      <c r="B4145" s="4" t="s">
        <v>211</v>
      </c>
      <c r="C4145" s="3" t="s">
        <v>207</v>
      </c>
    </row>
    <row r="4146" spans="1:3" ht="27" x14ac:dyDescent="0.15">
      <c r="A4146" s="3">
        <v>2008400186</v>
      </c>
      <c r="B4146" s="4" t="s">
        <v>225</v>
      </c>
      <c r="C4146" s="3" t="s">
        <v>207</v>
      </c>
    </row>
    <row r="4147" spans="1:3" ht="40.5" x14ac:dyDescent="0.15">
      <c r="A4147" s="3">
        <v>2008400187</v>
      </c>
      <c r="B4147" s="4" t="s">
        <v>226</v>
      </c>
      <c r="C4147" s="3" t="s">
        <v>207</v>
      </c>
    </row>
    <row r="4148" spans="1:3" x14ac:dyDescent="0.15">
      <c r="A4148" s="3">
        <v>2008400188</v>
      </c>
      <c r="B4148" s="4" t="s">
        <v>227</v>
      </c>
      <c r="C4148" s="3" t="s">
        <v>207</v>
      </c>
    </row>
    <row r="4149" spans="1:3" ht="40.5" x14ac:dyDescent="0.15">
      <c r="A4149" s="3">
        <v>2008400762</v>
      </c>
      <c r="B4149" s="4" t="s">
        <v>884</v>
      </c>
      <c r="C4149" s="3" t="s">
        <v>207</v>
      </c>
    </row>
    <row r="4150" spans="1:3" ht="27" x14ac:dyDescent="0.15">
      <c r="A4150" s="3">
        <v>2008400763</v>
      </c>
      <c r="B4150" s="4" t="s">
        <v>885</v>
      </c>
      <c r="C4150" s="3" t="s">
        <v>207</v>
      </c>
    </row>
    <row r="4151" spans="1:3" ht="27" x14ac:dyDescent="0.15">
      <c r="A4151" s="3">
        <v>2008400764</v>
      </c>
      <c r="B4151" s="4" t="s">
        <v>886</v>
      </c>
      <c r="C4151" s="3" t="s">
        <v>207</v>
      </c>
    </row>
    <row r="4152" spans="1:3" ht="27" x14ac:dyDescent="0.15">
      <c r="A4152" s="3">
        <v>2008400765</v>
      </c>
      <c r="B4152" s="4" t="s">
        <v>887</v>
      </c>
      <c r="C4152" s="3" t="s">
        <v>207</v>
      </c>
    </row>
    <row r="4153" spans="1:3" ht="27" x14ac:dyDescent="0.15">
      <c r="A4153" s="3">
        <v>2008400766</v>
      </c>
      <c r="B4153" s="4" t="s">
        <v>888</v>
      </c>
      <c r="C4153" s="3" t="s">
        <v>207</v>
      </c>
    </row>
    <row r="4154" spans="1:3" ht="27" x14ac:dyDescent="0.15">
      <c r="A4154" s="3">
        <v>2008400767</v>
      </c>
      <c r="B4154" s="4" t="s">
        <v>889</v>
      </c>
      <c r="C4154" s="3" t="s">
        <v>207</v>
      </c>
    </row>
    <row r="4155" spans="1:3" ht="27" x14ac:dyDescent="0.15">
      <c r="A4155" s="3">
        <v>2008400782</v>
      </c>
      <c r="B4155" s="4" t="s">
        <v>907</v>
      </c>
      <c r="C4155" s="3" t="s">
        <v>207</v>
      </c>
    </row>
    <row r="4156" spans="1:3" ht="40.5" x14ac:dyDescent="0.15">
      <c r="A4156" s="3">
        <v>2008400783</v>
      </c>
      <c r="B4156" s="4" t="s">
        <v>908</v>
      </c>
      <c r="C4156" s="3" t="s">
        <v>207</v>
      </c>
    </row>
    <row r="4157" spans="1:3" ht="27" x14ac:dyDescent="0.15">
      <c r="A4157" s="3">
        <v>2008400786</v>
      </c>
      <c r="B4157" s="4" t="s">
        <v>912</v>
      </c>
      <c r="C4157" s="3" t="s">
        <v>207</v>
      </c>
    </row>
    <row r="4158" spans="1:3" ht="27" x14ac:dyDescent="0.15">
      <c r="A4158" s="3">
        <v>2008400787</v>
      </c>
      <c r="B4158" s="4" t="s">
        <v>913</v>
      </c>
      <c r="C4158" s="3" t="s">
        <v>207</v>
      </c>
    </row>
    <row r="4159" spans="1:3" ht="27" x14ac:dyDescent="0.15">
      <c r="A4159" s="3">
        <v>2008400788</v>
      </c>
      <c r="B4159" s="4" t="s">
        <v>914</v>
      </c>
      <c r="C4159" s="3" t="s">
        <v>207</v>
      </c>
    </row>
    <row r="4160" spans="1:3" ht="40.5" x14ac:dyDescent="0.15">
      <c r="A4160" s="3">
        <v>2008400789</v>
      </c>
      <c r="B4160" s="4" t="s">
        <v>915</v>
      </c>
      <c r="C4160" s="3" t="s">
        <v>207</v>
      </c>
    </row>
    <row r="4161" spans="1:3" ht="54" x14ac:dyDescent="0.15">
      <c r="A4161" s="3">
        <v>2008400790</v>
      </c>
      <c r="B4161" s="4" t="s">
        <v>916</v>
      </c>
      <c r="C4161" s="3" t="s">
        <v>207</v>
      </c>
    </row>
    <row r="4162" spans="1:3" ht="27" x14ac:dyDescent="0.15">
      <c r="A4162" s="3">
        <v>2008400791</v>
      </c>
      <c r="B4162" s="4" t="s">
        <v>917</v>
      </c>
      <c r="C4162" s="3" t="s">
        <v>207</v>
      </c>
    </row>
    <row r="4163" spans="1:3" ht="27" x14ac:dyDescent="0.15">
      <c r="A4163" s="3">
        <v>2008400792</v>
      </c>
      <c r="B4163" s="4" t="s">
        <v>918</v>
      </c>
      <c r="C4163" s="3" t="s">
        <v>207</v>
      </c>
    </row>
    <row r="4164" spans="1:3" ht="27" x14ac:dyDescent="0.15">
      <c r="A4164" s="3">
        <v>2008400793</v>
      </c>
      <c r="B4164" s="4" t="s">
        <v>919</v>
      </c>
      <c r="C4164" s="3" t="s">
        <v>207</v>
      </c>
    </row>
    <row r="4165" spans="1:3" ht="27" x14ac:dyDescent="0.15">
      <c r="A4165" s="3">
        <v>2008400794</v>
      </c>
      <c r="B4165" s="4" t="s">
        <v>920</v>
      </c>
      <c r="C4165" s="3" t="s">
        <v>207</v>
      </c>
    </row>
    <row r="4166" spans="1:3" ht="27" x14ac:dyDescent="0.15">
      <c r="A4166" s="3">
        <v>2008400795</v>
      </c>
      <c r="B4166" s="4" t="s">
        <v>921</v>
      </c>
      <c r="C4166" s="3" t="s">
        <v>207</v>
      </c>
    </row>
    <row r="4167" spans="1:3" ht="27" x14ac:dyDescent="0.15">
      <c r="A4167" s="3">
        <v>2008400796</v>
      </c>
      <c r="B4167" s="4" t="s">
        <v>922</v>
      </c>
      <c r="C4167" s="3" t="s">
        <v>207</v>
      </c>
    </row>
    <row r="4168" spans="1:3" ht="27" x14ac:dyDescent="0.15">
      <c r="A4168" s="3">
        <v>2011410005</v>
      </c>
      <c r="B4168" s="4" t="s">
        <v>912</v>
      </c>
      <c r="C4168" s="3" t="s">
        <v>207</v>
      </c>
    </row>
    <row r="4169" spans="1:3" ht="40.5" x14ac:dyDescent="0.15">
      <c r="A4169" s="3">
        <v>2011410036</v>
      </c>
      <c r="B4169" s="4" t="s">
        <v>1116</v>
      </c>
      <c r="C4169" s="3" t="s">
        <v>207</v>
      </c>
    </row>
    <row r="4170" spans="1:3" ht="27" x14ac:dyDescent="0.15">
      <c r="A4170" s="3">
        <v>2011410037</v>
      </c>
      <c r="B4170" s="4" t="s">
        <v>1117</v>
      </c>
      <c r="C4170" s="3" t="s">
        <v>207</v>
      </c>
    </row>
    <row r="4171" spans="1:3" ht="40.5" x14ac:dyDescent="0.15">
      <c r="A4171" s="3">
        <v>2011410038</v>
      </c>
      <c r="B4171" s="4" t="s">
        <v>1118</v>
      </c>
      <c r="C4171" s="3" t="s">
        <v>207</v>
      </c>
    </row>
    <row r="4172" spans="1:3" ht="27" x14ac:dyDescent="0.15">
      <c r="A4172" s="3">
        <v>2011411284</v>
      </c>
      <c r="B4172" s="4" t="s">
        <v>2647</v>
      </c>
      <c r="C4172" s="3" t="s">
        <v>207</v>
      </c>
    </row>
    <row r="4173" spans="1:3" ht="27" x14ac:dyDescent="0.15">
      <c r="A4173" s="3">
        <v>2011411285</v>
      </c>
      <c r="B4173" s="4" t="s">
        <v>2648</v>
      </c>
      <c r="C4173" s="3" t="s">
        <v>207</v>
      </c>
    </row>
    <row r="4174" spans="1:3" ht="27" x14ac:dyDescent="0.15">
      <c r="A4174" s="3">
        <v>2011411286</v>
      </c>
      <c r="B4174" s="4" t="s">
        <v>2649</v>
      </c>
      <c r="C4174" s="3" t="s">
        <v>207</v>
      </c>
    </row>
    <row r="4175" spans="1:3" ht="27" x14ac:dyDescent="0.15">
      <c r="A4175" s="3">
        <v>2011411287</v>
      </c>
      <c r="B4175" s="4" t="s">
        <v>2650</v>
      </c>
      <c r="C4175" s="3" t="s">
        <v>207</v>
      </c>
    </row>
    <row r="4176" spans="1:3" ht="27" x14ac:dyDescent="0.15">
      <c r="A4176" s="3">
        <v>2011411288</v>
      </c>
      <c r="B4176" s="4" t="s">
        <v>2651</v>
      </c>
      <c r="C4176" s="3" t="s">
        <v>207</v>
      </c>
    </row>
    <row r="4177" spans="1:3" ht="27" x14ac:dyDescent="0.15">
      <c r="A4177" s="3">
        <v>2011411289</v>
      </c>
      <c r="B4177" s="4" t="s">
        <v>2652</v>
      </c>
      <c r="C4177" s="3" t="s">
        <v>207</v>
      </c>
    </row>
    <row r="4178" spans="1:3" ht="27" x14ac:dyDescent="0.15">
      <c r="A4178" s="3">
        <v>2011411290</v>
      </c>
      <c r="B4178" s="4" t="s">
        <v>2653</v>
      </c>
      <c r="C4178" s="3" t="s">
        <v>207</v>
      </c>
    </row>
    <row r="4179" spans="1:3" ht="27" x14ac:dyDescent="0.15">
      <c r="A4179" s="3">
        <v>2011411291</v>
      </c>
      <c r="B4179" s="4" t="s">
        <v>2654</v>
      </c>
      <c r="C4179" s="3" t="s">
        <v>207</v>
      </c>
    </row>
    <row r="4180" spans="1:3" ht="27" x14ac:dyDescent="0.15">
      <c r="A4180" s="3">
        <v>2011411292</v>
      </c>
      <c r="B4180" s="4" t="s">
        <v>2655</v>
      </c>
      <c r="C4180" s="3" t="s">
        <v>207</v>
      </c>
    </row>
    <row r="4181" spans="1:3" ht="27" x14ac:dyDescent="0.15">
      <c r="A4181" s="3">
        <v>2011411293</v>
      </c>
      <c r="B4181" s="4" t="s">
        <v>2656</v>
      </c>
      <c r="C4181" s="3" t="s">
        <v>207</v>
      </c>
    </row>
    <row r="4182" spans="1:3" ht="27" x14ac:dyDescent="0.15">
      <c r="A4182" s="3">
        <v>2011411294</v>
      </c>
      <c r="B4182" s="4" t="s">
        <v>2657</v>
      </c>
      <c r="C4182" s="3" t="s">
        <v>207</v>
      </c>
    </row>
    <row r="4183" spans="1:3" ht="27" x14ac:dyDescent="0.15">
      <c r="A4183" s="3">
        <v>2011411295</v>
      </c>
      <c r="B4183" s="4" t="s">
        <v>2658</v>
      </c>
      <c r="C4183" s="3" t="s">
        <v>207</v>
      </c>
    </row>
    <row r="4184" spans="1:3" ht="27" x14ac:dyDescent="0.15">
      <c r="A4184" s="3">
        <v>2011411296</v>
      </c>
      <c r="B4184" s="4" t="s">
        <v>2659</v>
      </c>
      <c r="C4184" s="3" t="s">
        <v>207</v>
      </c>
    </row>
    <row r="4185" spans="1:3" ht="27" x14ac:dyDescent="0.15">
      <c r="A4185" s="3">
        <v>2011411297</v>
      </c>
      <c r="B4185" s="4" t="s">
        <v>2660</v>
      </c>
      <c r="C4185" s="3" t="s">
        <v>207</v>
      </c>
    </row>
    <row r="4186" spans="1:3" ht="27" x14ac:dyDescent="0.15">
      <c r="A4186" s="3">
        <v>2011411298</v>
      </c>
      <c r="B4186" s="4" t="s">
        <v>2661</v>
      </c>
      <c r="C4186" s="3" t="s">
        <v>207</v>
      </c>
    </row>
    <row r="4187" spans="1:3" ht="27" x14ac:dyDescent="0.15">
      <c r="A4187" s="3">
        <v>2011411299</v>
      </c>
      <c r="B4187" s="4" t="s">
        <v>2660</v>
      </c>
      <c r="C4187" s="3" t="s">
        <v>207</v>
      </c>
    </row>
    <row r="4188" spans="1:3" ht="27" x14ac:dyDescent="0.15">
      <c r="A4188" s="3">
        <v>2011411300</v>
      </c>
      <c r="B4188" s="4" t="s">
        <v>2662</v>
      </c>
      <c r="C4188" s="3" t="s">
        <v>207</v>
      </c>
    </row>
    <row r="4189" spans="1:3" ht="40.5" x14ac:dyDescent="0.15">
      <c r="A4189" s="3">
        <v>2011411301</v>
      </c>
      <c r="B4189" s="4" t="s">
        <v>2663</v>
      </c>
      <c r="C4189" s="3" t="s">
        <v>207</v>
      </c>
    </row>
    <row r="4190" spans="1:3" ht="27" x14ac:dyDescent="0.15">
      <c r="A4190" s="3">
        <v>2011411302</v>
      </c>
      <c r="B4190" s="4" t="s">
        <v>2664</v>
      </c>
      <c r="C4190" s="3" t="s">
        <v>207</v>
      </c>
    </row>
    <row r="4191" spans="1:3" x14ac:dyDescent="0.15">
      <c r="A4191" s="3">
        <v>2011411303</v>
      </c>
      <c r="B4191" s="4" t="s">
        <v>2665</v>
      </c>
      <c r="C4191" s="3" t="s">
        <v>207</v>
      </c>
    </row>
    <row r="4192" spans="1:3" ht="27" x14ac:dyDescent="0.15">
      <c r="A4192" s="3">
        <v>2011411304</v>
      </c>
      <c r="B4192" s="4" t="s">
        <v>2666</v>
      </c>
      <c r="C4192" s="3" t="s">
        <v>207</v>
      </c>
    </row>
    <row r="4193" spans="1:3" ht="27" x14ac:dyDescent="0.15">
      <c r="A4193" s="3">
        <v>2011411354</v>
      </c>
      <c r="B4193" s="4" t="s">
        <v>2739</v>
      </c>
      <c r="C4193" s="3" t="s">
        <v>207</v>
      </c>
    </row>
    <row r="4194" spans="1:3" ht="27" x14ac:dyDescent="0.15">
      <c r="A4194" s="3">
        <v>2011411355</v>
      </c>
      <c r="B4194" s="4" t="s">
        <v>2740</v>
      </c>
      <c r="C4194" s="3" t="s">
        <v>207</v>
      </c>
    </row>
    <row r="4195" spans="1:3" ht="40.5" x14ac:dyDescent="0.15">
      <c r="A4195" s="3">
        <v>2011411356</v>
      </c>
      <c r="B4195" s="4" t="s">
        <v>2741</v>
      </c>
      <c r="C4195" s="3" t="s">
        <v>207</v>
      </c>
    </row>
    <row r="4196" spans="1:3" ht="40.5" x14ac:dyDescent="0.15">
      <c r="A4196" s="3">
        <v>2011411357</v>
      </c>
      <c r="B4196" s="4" t="s">
        <v>2742</v>
      </c>
      <c r="C4196" s="3" t="s">
        <v>207</v>
      </c>
    </row>
    <row r="4197" spans="1:3" ht="40.5" x14ac:dyDescent="0.15">
      <c r="A4197" s="3">
        <v>2011411358</v>
      </c>
      <c r="B4197" s="4" t="s">
        <v>2743</v>
      </c>
      <c r="C4197" s="3" t="s">
        <v>207</v>
      </c>
    </row>
    <row r="4198" spans="1:3" ht="40.5" x14ac:dyDescent="0.15">
      <c r="A4198" s="3">
        <v>2011411359</v>
      </c>
      <c r="B4198" s="4" t="s">
        <v>2744</v>
      </c>
      <c r="C4198" s="3" t="s">
        <v>207</v>
      </c>
    </row>
    <row r="4199" spans="1:3" ht="40.5" x14ac:dyDescent="0.15">
      <c r="A4199" s="3">
        <v>2011411360</v>
      </c>
      <c r="B4199" s="4" t="s">
        <v>2745</v>
      </c>
      <c r="C4199" s="3" t="s">
        <v>207</v>
      </c>
    </row>
    <row r="4200" spans="1:3" ht="40.5" x14ac:dyDescent="0.15">
      <c r="A4200" s="3">
        <v>2011411361</v>
      </c>
      <c r="B4200" s="4" t="s">
        <v>2746</v>
      </c>
      <c r="C4200" s="3" t="s">
        <v>207</v>
      </c>
    </row>
    <row r="4201" spans="1:3" ht="40.5" x14ac:dyDescent="0.15">
      <c r="A4201" s="3">
        <v>2011411362</v>
      </c>
      <c r="B4201" s="4" t="s">
        <v>2747</v>
      </c>
      <c r="C4201" s="3" t="s">
        <v>207</v>
      </c>
    </row>
    <row r="4202" spans="1:3" ht="40.5" x14ac:dyDescent="0.15">
      <c r="A4202" s="3">
        <v>2011411363</v>
      </c>
      <c r="B4202" s="4" t="s">
        <v>2748</v>
      </c>
      <c r="C4202" s="3" t="s">
        <v>207</v>
      </c>
    </row>
    <row r="4203" spans="1:3" ht="40.5" x14ac:dyDescent="0.15">
      <c r="A4203" s="3">
        <v>2011411366</v>
      </c>
      <c r="B4203" s="4" t="s">
        <v>2753</v>
      </c>
      <c r="C4203" s="3" t="s">
        <v>207</v>
      </c>
    </row>
    <row r="4204" spans="1:3" ht="27" x14ac:dyDescent="0.15">
      <c r="A4204" s="3">
        <v>2011411367</v>
      </c>
      <c r="B4204" s="4" t="s">
        <v>2754</v>
      </c>
      <c r="C4204" s="3" t="s">
        <v>207</v>
      </c>
    </row>
    <row r="4205" spans="1:3" ht="27" x14ac:dyDescent="0.15">
      <c r="A4205" s="3">
        <v>2011411805</v>
      </c>
      <c r="B4205" s="4" t="s">
        <v>3253</v>
      </c>
      <c r="C4205" s="3" t="s">
        <v>207</v>
      </c>
    </row>
    <row r="4206" spans="1:3" ht="40.5" x14ac:dyDescent="0.15">
      <c r="A4206" s="3">
        <v>2011414300</v>
      </c>
      <c r="B4206" s="4" t="s">
        <v>6420</v>
      </c>
      <c r="C4206" s="3" t="s">
        <v>207</v>
      </c>
    </row>
    <row r="4207" spans="1:3" ht="40.5" x14ac:dyDescent="0.15">
      <c r="A4207" s="3">
        <v>2011414328</v>
      </c>
      <c r="B4207" s="4" t="s">
        <v>6446</v>
      </c>
      <c r="C4207" s="3" t="s">
        <v>207</v>
      </c>
    </row>
    <row r="4208" spans="1:3" x14ac:dyDescent="0.15">
      <c r="A4208" s="3">
        <v>2011411406</v>
      </c>
      <c r="B4208" s="4" t="s">
        <v>2799</v>
      </c>
      <c r="C4208" s="3" t="s">
        <v>2800</v>
      </c>
    </row>
    <row r="4209" spans="1:3" x14ac:dyDescent="0.15">
      <c r="A4209" s="3">
        <v>2011411407</v>
      </c>
      <c r="B4209" s="4" t="s">
        <v>2801</v>
      </c>
      <c r="C4209" s="3" t="s">
        <v>2802</v>
      </c>
    </row>
    <row r="4210" spans="1:3" ht="27" x14ac:dyDescent="0.15">
      <c r="A4210" s="3">
        <v>2011411311</v>
      </c>
      <c r="B4210" s="4" t="s">
        <v>2677</v>
      </c>
      <c r="C4210" s="3" t="s">
        <v>2678</v>
      </c>
    </row>
    <row r="4211" spans="1:3" ht="27" x14ac:dyDescent="0.15">
      <c r="A4211" s="3">
        <v>2011411312</v>
      </c>
      <c r="B4211" s="4" t="s">
        <v>2679</v>
      </c>
      <c r="C4211" s="3" t="s">
        <v>2678</v>
      </c>
    </row>
    <row r="4212" spans="1:3" ht="27" x14ac:dyDescent="0.15">
      <c r="A4212" s="3">
        <v>2011411313</v>
      </c>
      <c r="B4212" s="4" t="s">
        <v>2680</v>
      </c>
      <c r="C4212" s="3" t="s">
        <v>2678</v>
      </c>
    </row>
    <row r="4213" spans="1:3" x14ac:dyDescent="0.15">
      <c r="A4213" s="3">
        <v>2011411314</v>
      </c>
      <c r="B4213" s="4" t="s">
        <v>2681</v>
      </c>
      <c r="C4213" s="3" t="s">
        <v>2678</v>
      </c>
    </row>
    <row r="4214" spans="1:3" ht="27" x14ac:dyDescent="0.15">
      <c r="A4214" s="3">
        <v>2011411315</v>
      </c>
      <c r="B4214" s="4" t="s">
        <v>2682</v>
      </c>
      <c r="C4214" s="3" t="s">
        <v>2678</v>
      </c>
    </row>
    <row r="4215" spans="1:3" ht="27" x14ac:dyDescent="0.15">
      <c r="A4215" s="3">
        <v>2011411418</v>
      </c>
      <c r="B4215" s="4" t="s">
        <v>2814</v>
      </c>
      <c r="C4215" s="3" t="s">
        <v>2815</v>
      </c>
    </row>
    <row r="4216" spans="1:3" ht="27" x14ac:dyDescent="0.15">
      <c r="A4216" s="3">
        <v>2011411419</v>
      </c>
      <c r="B4216" s="4" t="s">
        <v>2814</v>
      </c>
      <c r="C4216" s="3" t="s">
        <v>2815</v>
      </c>
    </row>
    <row r="4217" spans="1:3" ht="27" x14ac:dyDescent="0.15">
      <c r="A4217" s="3">
        <v>2011411420</v>
      </c>
      <c r="B4217" s="4" t="s">
        <v>2816</v>
      </c>
      <c r="C4217" s="3" t="s">
        <v>2815</v>
      </c>
    </row>
    <row r="4218" spans="1:3" ht="27" x14ac:dyDescent="0.15">
      <c r="A4218" s="3">
        <v>2011411421</v>
      </c>
      <c r="B4218" s="4" t="s">
        <v>2817</v>
      </c>
      <c r="C4218" s="3" t="s">
        <v>2815</v>
      </c>
    </row>
    <row r="4219" spans="1:3" ht="27" x14ac:dyDescent="0.15">
      <c r="A4219" s="3">
        <v>2011411422</v>
      </c>
      <c r="B4219" s="4" t="s">
        <v>2817</v>
      </c>
      <c r="C4219" s="3" t="s">
        <v>2815</v>
      </c>
    </row>
    <row r="4220" spans="1:3" x14ac:dyDescent="0.15">
      <c r="A4220" s="3">
        <v>2011411423</v>
      </c>
      <c r="B4220" s="4" t="s">
        <v>2818</v>
      </c>
      <c r="C4220" s="3" t="s">
        <v>2819</v>
      </c>
    </row>
    <row r="4221" spans="1:3" x14ac:dyDescent="0.15">
      <c r="A4221" s="3">
        <v>2011411424</v>
      </c>
      <c r="B4221" s="4" t="s">
        <v>2820</v>
      </c>
      <c r="C4221" s="3" t="s">
        <v>2819</v>
      </c>
    </row>
    <row r="4222" spans="1:3" x14ac:dyDescent="0.15">
      <c r="A4222" s="3">
        <v>2011411425</v>
      </c>
      <c r="B4222" s="4" t="s">
        <v>2821</v>
      </c>
      <c r="C4222" s="3" t="s">
        <v>2819</v>
      </c>
    </row>
    <row r="4223" spans="1:3" ht="27" x14ac:dyDescent="0.15">
      <c r="A4223" s="3">
        <v>2011411426</v>
      </c>
      <c r="B4223" s="4" t="s">
        <v>2822</v>
      </c>
      <c r="C4223" s="3" t="s">
        <v>2819</v>
      </c>
    </row>
    <row r="4224" spans="1:3" ht="27" x14ac:dyDescent="0.15">
      <c r="A4224" s="3">
        <v>2011410032</v>
      </c>
      <c r="B4224" s="4" t="s">
        <v>1109</v>
      </c>
      <c r="C4224" s="3" t="s">
        <v>1110</v>
      </c>
    </row>
    <row r="4225" spans="1:3" ht="27" x14ac:dyDescent="0.15">
      <c r="A4225" s="3">
        <v>2011411442</v>
      </c>
      <c r="B4225" s="4" t="s">
        <v>2841</v>
      </c>
      <c r="C4225" s="3" t="s">
        <v>2842</v>
      </c>
    </row>
    <row r="4226" spans="1:3" ht="27" x14ac:dyDescent="0.15">
      <c r="A4226" s="3">
        <v>2011411443</v>
      </c>
      <c r="B4226" s="4" t="s">
        <v>2843</v>
      </c>
      <c r="C4226" s="3" t="s">
        <v>2842</v>
      </c>
    </row>
    <row r="4227" spans="1:3" ht="27" x14ac:dyDescent="0.15">
      <c r="A4227" s="3">
        <v>2011411444</v>
      </c>
      <c r="B4227" s="4" t="s">
        <v>2844</v>
      </c>
      <c r="C4227" s="3" t="s">
        <v>2845</v>
      </c>
    </row>
    <row r="4228" spans="1:3" ht="27" x14ac:dyDescent="0.15">
      <c r="A4228" s="3">
        <v>2011411445</v>
      </c>
      <c r="B4228" s="4" t="s">
        <v>2846</v>
      </c>
      <c r="C4228" s="3" t="s">
        <v>2845</v>
      </c>
    </row>
    <row r="4229" spans="1:3" ht="27" x14ac:dyDescent="0.15">
      <c r="A4229" s="3">
        <v>2011411446</v>
      </c>
      <c r="B4229" s="4" t="s">
        <v>2847</v>
      </c>
      <c r="C4229" s="3" t="s">
        <v>2845</v>
      </c>
    </row>
    <row r="4230" spans="1:3" ht="27" x14ac:dyDescent="0.15">
      <c r="A4230" s="3">
        <v>2011411476</v>
      </c>
      <c r="B4230" s="4" t="s">
        <v>2888</v>
      </c>
      <c r="C4230" s="3" t="s">
        <v>2889</v>
      </c>
    </row>
    <row r="4231" spans="1:3" ht="27" x14ac:dyDescent="0.15">
      <c r="A4231" s="3">
        <v>2011411605</v>
      </c>
      <c r="B4231" s="4" t="s">
        <v>3048</v>
      </c>
      <c r="C4231" s="3" t="s">
        <v>2889</v>
      </c>
    </row>
    <row r="4232" spans="1:3" ht="40.5" x14ac:dyDescent="0.15">
      <c r="A4232" s="3">
        <v>2008400202</v>
      </c>
      <c r="B4232" s="4" t="s">
        <v>245</v>
      </c>
      <c r="C4232" s="3" t="s">
        <v>246</v>
      </c>
    </row>
    <row r="4233" spans="1:3" ht="27" x14ac:dyDescent="0.15">
      <c r="A4233" s="3">
        <v>2008400203</v>
      </c>
      <c r="B4233" s="4" t="s">
        <v>247</v>
      </c>
      <c r="C4233" s="3" t="s">
        <v>246</v>
      </c>
    </row>
    <row r="4234" spans="1:3" ht="27" x14ac:dyDescent="0.15">
      <c r="A4234" s="3">
        <v>2008400204</v>
      </c>
      <c r="B4234" s="4" t="s">
        <v>248</v>
      </c>
      <c r="C4234" s="3" t="s">
        <v>246</v>
      </c>
    </row>
    <row r="4235" spans="1:3" ht="27" x14ac:dyDescent="0.15">
      <c r="A4235" s="3">
        <v>2008400769</v>
      </c>
      <c r="B4235" s="4" t="s">
        <v>892</v>
      </c>
      <c r="C4235" s="3" t="s">
        <v>246</v>
      </c>
    </row>
    <row r="4236" spans="1:3" ht="27" x14ac:dyDescent="0.15">
      <c r="A4236" s="3">
        <v>2008400770</v>
      </c>
      <c r="B4236" s="4" t="s">
        <v>893</v>
      </c>
      <c r="C4236" s="3" t="s">
        <v>246</v>
      </c>
    </row>
    <row r="4237" spans="1:3" ht="27" x14ac:dyDescent="0.15">
      <c r="A4237" s="3">
        <v>2008400771</v>
      </c>
      <c r="B4237" s="4" t="s">
        <v>894</v>
      </c>
      <c r="C4237" s="3" t="s">
        <v>895</v>
      </c>
    </row>
    <row r="4238" spans="1:3" ht="27" x14ac:dyDescent="0.15">
      <c r="A4238" s="3">
        <v>2011411499</v>
      </c>
      <c r="B4238" s="4" t="s">
        <v>2913</v>
      </c>
      <c r="C4238" s="3" t="s">
        <v>895</v>
      </c>
    </row>
    <row r="4239" spans="1:3" x14ac:dyDescent="0.15">
      <c r="A4239" s="3">
        <v>2011411500</v>
      </c>
      <c r="B4239" s="4" t="s">
        <v>2914</v>
      </c>
      <c r="C4239" s="3" t="s">
        <v>895</v>
      </c>
    </row>
    <row r="4240" spans="1:3" x14ac:dyDescent="0.15">
      <c r="A4240" s="3">
        <v>2011411501</v>
      </c>
      <c r="B4240" s="4" t="s">
        <v>2915</v>
      </c>
      <c r="C4240" s="3" t="s">
        <v>895</v>
      </c>
    </row>
    <row r="4241" spans="1:3" x14ac:dyDescent="0.15">
      <c r="A4241" s="3">
        <v>2011411502</v>
      </c>
      <c r="B4241" s="4" t="s">
        <v>2916</v>
      </c>
      <c r="C4241" s="3" t="s">
        <v>895</v>
      </c>
    </row>
    <row r="4242" spans="1:3" ht="27" x14ac:dyDescent="0.15">
      <c r="A4242" s="3">
        <v>2011411503</v>
      </c>
      <c r="B4242" s="4" t="s">
        <v>2917</v>
      </c>
      <c r="C4242" s="3" t="s">
        <v>895</v>
      </c>
    </row>
    <row r="4243" spans="1:3" ht="27" x14ac:dyDescent="0.15">
      <c r="A4243" s="3">
        <v>2011411504</v>
      </c>
      <c r="B4243" s="4" t="s">
        <v>2918</v>
      </c>
      <c r="C4243" s="3" t="s">
        <v>895</v>
      </c>
    </row>
    <row r="4244" spans="1:3" ht="27" x14ac:dyDescent="0.15">
      <c r="A4244" s="3">
        <v>2011411505</v>
      </c>
      <c r="B4244" s="4" t="s">
        <v>2919</v>
      </c>
      <c r="C4244" s="3" t="s">
        <v>895</v>
      </c>
    </row>
    <row r="4245" spans="1:3" ht="27" x14ac:dyDescent="0.15">
      <c r="A4245" s="3">
        <v>2011411506</v>
      </c>
      <c r="B4245" s="4" t="s">
        <v>2920</v>
      </c>
      <c r="C4245" s="3" t="s">
        <v>895</v>
      </c>
    </row>
    <row r="4246" spans="1:3" ht="27" x14ac:dyDescent="0.15">
      <c r="A4246" s="3">
        <v>2011411611</v>
      </c>
      <c r="B4246" s="4" t="s">
        <v>3054</v>
      </c>
      <c r="C4246" s="3" t="s">
        <v>895</v>
      </c>
    </row>
    <row r="4247" spans="1:3" ht="27" x14ac:dyDescent="0.15">
      <c r="A4247" s="3">
        <v>2011413663</v>
      </c>
      <c r="B4247" s="4" t="s">
        <v>5528</v>
      </c>
      <c r="C4247" s="3" t="s">
        <v>895</v>
      </c>
    </row>
    <row r="4248" spans="1:3" ht="27" x14ac:dyDescent="0.15">
      <c r="A4248" s="3">
        <v>2008400205</v>
      </c>
      <c r="B4248" s="4" t="s">
        <v>249</v>
      </c>
      <c r="C4248" s="3" t="s">
        <v>250</v>
      </c>
    </row>
    <row r="4249" spans="1:3" ht="27" x14ac:dyDescent="0.15">
      <c r="A4249" s="3">
        <v>2011411613</v>
      </c>
      <c r="B4249" s="4" t="s">
        <v>3057</v>
      </c>
      <c r="C4249" s="3" t="s">
        <v>250</v>
      </c>
    </row>
    <row r="4250" spans="1:3" ht="27" x14ac:dyDescent="0.15">
      <c r="A4250" s="3">
        <v>2011411614</v>
      </c>
      <c r="B4250" s="4" t="s">
        <v>3058</v>
      </c>
      <c r="C4250" s="3" t="s">
        <v>250</v>
      </c>
    </row>
    <row r="4251" spans="1:3" ht="27" x14ac:dyDescent="0.15">
      <c r="A4251" s="3">
        <v>2011411519</v>
      </c>
      <c r="B4251" s="4" t="s">
        <v>2935</v>
      </c>
      <c r="C4251" s="3" t="s">
        <v>2936</v>
      </c>
    </row>
    <row r="4252" spans="1:3" ht="27" x14ac:dyDescent="0.15">
      <c r="A4252" s="3">
        <v>2011411520</v>
      </c>
      <c r="B4252" s="4" t="s">
        <v>2937</v>
      </c>
      <c r="C4252" s="3" t="s">
        <v>2936</v>
      </c>
    </row>
    <row r="4253" spans="1:3" ht="27" x14ac:dyDescent="0.15">
      <c r="A4253" s="3">
        <v>2011411523</v>
      </c>
      <c r="B4253" s="4" t="s">
        <v>2942</v>
      </c>
      <c r="C4253" s="3" t="s">
        <v>2943</v>
      </c>
    </row>
    <row r="4254" spans="1:3" ht="27" x14ac:dyDescent="0.15">
      <c r="A4254" s="3">
        <v>2011411525</v>
      </c>
      <c r="B4254" s="4" t="s">
        <v>2946</v>
      </c>
      <c r="C4254" s="3" t="s">
        <v>2947</v>
      </c>
    </row>
    <row r="4255" spans="1:3" ht="27" x14ac:dyDescent="0.15">
      <c r="A4255" s="3">
        <v>2011411526</v>
      </c>
      <c r="B4255" s="4" t="s">
        <v>2948</v>
      </c>
      <c r="C4255" s="3" t="s">
        <v>2947</v>
      </c>
    </row>
    <row r="4256" spans="1:3" x14ac:dyDescent="0.15">
      <c r="A4256" s="3">
        <v>2011411527</v>
      </c>
      <c r="B4256" s="4" t="s">
        <v>2949</v>
      </c>
      <c r="C4256" s="3" t="s">
        <v>2947</v>
      </c>
    </row>
    <row r="4257" spans="1:3" ht="27" x14ac:dyDescent="0.15">
      <c r="A4257" s="3">
        <v>2011411528</v>
      </c>
      <c r="B4257" s="4" t="s">
        <v>2950</v>
      </c>
      <c r="C4257" s="3" t="s">
        <v>2947</v>
      </c>
    </row>
    <row r="4258" spans="1:3" x14ac:dyDescent="0.15">
      <c r="A4258" s="3">
        <v>2011411532</v>
      </c>
      <c r="B4258" s="4" t="s">
        <v>2957</v>
      </c>
      <c r="C4258" s="3" t="s">
        <v>2947</v>
      </c>
    </row>
    <row r="4259" spans="1:3" ht="27" x14ac:dyDescent="0.15">
      <c r="A4259" s="3">
        <v>2011411533</v>
      </c>
      <c r="B4259" s="4" t="s">
        <v>2958</v>
      </c>
      <c r="C4259" s="3" t="s">
        <v>2947</v>
      </c>
    </row>
    <row r="4260" spans="1:3" ht="27" x14ac:dyDescent="0.15">
      <c r="A4260" s="3">
        <v>2011411534</v>
      </c>
      <c r="B4260" s="4" t="s">
        <v>2959</v>
      </c>
      <c r="C4260" s="3" t="s">
        <v>2947</v>
      </c>
    </row>
    <row r="4261" spans="1:3" ht="27" x14ac:dyDescent="0.15">
      <c r="A4261" s="3">
        <v>2011411535</v>
      </c>
      <c r="B4261" s="4" t="s">
        <v>2960</v>
      </c>
      <c r="C4261" s="3" t="s">
        <v>2947</v>
      </c>
    </row>
    <row r="4262" spans="1:3" ht="27" x14ac:dyDescent="0.15">
      <c r="A4262" s="3">
        <v>2011411536</v>
      </c>
      <c r="B4262" s="4" t="s">
        <v>2961</v>
      </c>
      <c r="C4262" s="3" t="s">
        <v>2947</v>
      </c>
    </row>
    <row r="4263" spans="1:3" ht="27" x14ac:dyDescent="0.15">
      <c r="A4263" s="3">
        <v>2011411537</v>
      </c>
      <c r="B4263" s="4" t="s">
        <v>2962</v>
      </c>
      <c r="C4263" s="3" t="s">
        <v>2947</v>
      </c>
    </row>
    <row r="4264" spans="1:3" x14ac:dyDescent="0.15">
      <c r="A4264" s="3">
        <v>2011411538</v>
      </c>
      <c r="B4264" s="4" t="s">
        <v>2963</v>
      </c>
      <c r="C4264" s="3" t="s">
        <v>2947</v>
      </c>
    </row>
    <row r="4265" spans="1:3" ht="27" x14ac:dyDescent="0.15">
      <c r="A4265" s="3">
        <v>2011411539</v>
      </c>
      <c r="B4265" s="4" t="s">
        <v>2964</v>
      </c>
      <c r="C4265" s="3" t="s">
        <v>2947</v>
      </c>
    </row>
    <row r="4266" spans="1:3" ht="27" x14ac:dyDescent="0.15">
      <c r="A4266" s="3">
        <v>2011411541</v>
      </c>
      <c r="B4266" s="4" t="s">
        <v>2966</v>
      </c>
      <c r="C4266" s="3" t="s">
        <v>2947</v>
      </c>
    </row>
    <row r="4267" spans="1:3" x14ac:dyDescent="0.15">
      <c r="A4267" s="3">
        <v>2011411618</v>
      </c>
      <c r="B4267" s="4" t="s">
        <v>3062</v>
      </c>
      <c r="C4267" s="3" t="s">
        <v>2947</v>
      </c>
    </row>
    <row r="4268" spans="1:3" ht="27" x14ac:dyDescent="0.15">
      <c r="A4268" s="3">
        <v>2011411560</v>
      </c>
      <c r="B4268" s="4" t="s">
        <v>2987</v>
      </c>
      <c r="C4268" s="3" t="s">
        <v>2988</v>
      </c>
    </row>
    <row r="4269" spans="1:3" ht="27" x14ac:dyDescent="0.15">
      <c r="A4269" s="3">
        <v>2011411561</v>
      </c>
      <c r="B4269" s="4" t="s">
        <v>2989</v>
      </c>
      <c r="C4269" s="3" t="s">
        <v>2988</v>
      </c>
    </row>
    <row r="4270" spans="1:3" ht="27" x14ac:dyDescent="0.15">
      <c r="A4270" s="3">
        <v>2011411562</v>
      </c>
      <c r="B4270" s="4" t="s">
        <v>2990</v>
      </c>
      <c r="C4270" s="3" t="s">
        <v>2988</v>
      </c>
    </row>
    <row r="4271" spans="1:3" ht="27" x14ac:dyDescent="0.15">
      <c r="A4271" s="3">
        <v>2011411563</v>
      </c>
      <c r="B4271" s="4" t="s">
        <v>2991</v>
      </c>
      <c r="C4271" s="3" t="s">
        <v>2988</v>
      </c>
    </row>
    <row r="4272" spans="1:3" ht="27" x14ac:dyDescent="0.15">
      <c r="A4272" s="3">
        <v>2011411564</v>
      </c>
      <c r="B4272" s="4" t="s">
        <v>2991</v>
      </c>
      <c r="C4272" s="3" t="s">
        <v>2988</v>
      </c>
    </row>
    <row r="4273" spans="1:3" x14ac:dyDescent="0.15">
      <c r="A4273" s="3">
        <v>2011411565</v>
      </c>
      <c r="B4273" s="4" t="s">
        <v>2992</v>
      </c>
      <c r="C4273" s="3" t="s">
        <v>2988</v>
      </c>
    </row>
    <row r="4274" spans="1:3" x14ac:dyDescent="0.15">
      <c r="A4274" s="3">
        <v>2011411566</v>
      </c>
      <c r="B4274" s="4" t="s">
        <v>2993</v>
      </c>
      <c r="C4274" s="3" t="s">
        <v>2988</v>
      </c>
    </row>
    <row r="4275" spans="1:3" x14ac:dyDescent="0.15">
      <c r="A4275" s="3">
        <v>2011411567</v>
      </c>
      <c r="B4275" s="4" t="s">
        <v>2994</v>
      </c>
      <c r="C4275" s="3" t="s">
        <v>2988</v>
      </c>
    </row>
    <row r="4276" spans="1:3" ht="27" x14ac:dyDescent="0.15">
      <c r="A4276" s="3">
        <v>2011411571</v>
      </c>
      <c r="B4276" s="4" t="s">
        <v>2999</v>
      </c>
      <c r="C4276" s="3" t="s">
        <v>2988</v>
      </c>
    </row>
    <row r="4277" spans="1:3" ht="27" x14ac:dyDescent="0.15">
      <c r="A4277" s="3">
        <v>2011411572</v>
      </c>
      <c r="B4277" s="4" t="s">
        <v>3000</v>
      </c>
      <c r="C4277" s="3" t="s">
        <v>2988</v>
      </c>
    </row>
    <row r="4278" spans="1:3" x14ac:dyDescent="0.15">
      <c r="A4278" s="3">
        <v>2011411625</v>
      </c>
      <c r="B4278" s="4" t="s">
        <v>3070</v>
      </c>
      <c r="C4278" s="3" t="s">
        <v>3071</v>
      </c>
    </row>
    <row r="4279" spans="1:3" ht="27" x14ac:dyDescent="0.15">
      <c r="A4279" s="3">
        <v>2011414346</v>
      </c>
      <c r="B4279" s="4" t="s">
        <v>6464</v>
      </c>
      <c r="C4279" s="3" t="s">
        <v>6465</v>
      </c>
    </row>
    <row r="4280" spans="1:3" x14ac:dyDescent="0.15">
      <c r="A4280" s="3">
        <v>2011411578</v>
      </c>
      <c r="B4280" s="4" t="s">
        <v>3008</v>
      </c>
      <c r="C4280" s="3" t="s">
        <v>3009</v>
      </c>
    </row>
    <row r="4281" spans="1:3" x14ac:dyDescent="0.15">
      <c r="A4281" s="3">
        <v>2011411626</v>
      </c>
      <c r="B4281" s="4" t="s">
        <v>3072</v>
      </c>
      <c r="C4281" s="3" t="s">
        <v>3009</v>
      </c>
    </row>
    <row r="4282" spans="1:3" ht="27" x14ac:dyDescent="0.15">
      <c r="A4282" s="3">
        <v>2011411627</v>
      </c>
      <c r="B4282" s="4" t="s">
        <v>3073</v>
      </c>
      <c r="C4282" s="3" t="s">
        <v>3074</v>
      </c>
    </row>
    <row r="4283" spans="1:3" x14ac:dyDescent="0.15">
      <c r="A4283" s="3">
        <v>2011411584</v>
      </c>
      <c r="B4283" s="4" t="s">
        <v>3018</v>
      </c>
      <c r="C4283" s="3" t="s">
        <v>3019</v>
      </c>
    </row>
    <row r="4284" spans="1:3" x14ac:dyDescent="0.15">
      <c r="A4284" s="3">
        <v>2011411585</v>
      </c>
      <c r="B4284" s="4" t="s">
        <v>3020</v>
      </c>
      <c r="C4284" s="3" t="s">
        <v>3019</v>
      </c>
    </row>
    <row r="4285" spans="1:3" x14ac:dyDescent="0.15">
      <c r="A4285" s="3">
        <v>2011411586</v>
      </c>
      <c r="B4285" s="4" t="s">
        <v>3021</v>
      </c>
      <c r="C4285" s="3" t="s">
        <v>3019</v>
      </c>
    </row>
    <row r="4286" spans="1:3" x14ac:dyDescent="0.15">
      <c r="A4286" s="3">
        <v>2011411587</v>
      </c>
      <c r="B4286" s="4" t="s">
        <v>3022</v>
      </c>
      <c r="C4286" s="3" t="s">
        <v>3019</v>
      </c>
    </row>
    <row r="4287" spans="1:3" ht="27" x14ac:dyDescent="0.15">
      <c r="A4287" s="3">
        <v>2011411590</v>
      </c>
      <c r="B4287" s="4" t="s">
        <v>3025</v>
      </c>
      <c r="C4287" s="3" t="s">
        <v>3019</v>
      </c>
    </row>
    <row r="4288" spans="1:3" ht="27" x14ac:dyDescent="0.15">
      <c r="A4288" s="3">
        <v>2008400213</v>
      </c>
      <c r="B4288" s="4" t="s">
        <v>261</v>
      </c>
      <c r="C4288" s="3" t="s">
        <v>262</v>
      </c>
    </row>
    <row r="4289" spans="1:3" ht="27" x14ac:dyDescent="0.15">
      <c r="A4289" s="3">
        <v>2008400773</v>
      </c>
      <c r="B4289" s="4" t="s">
        <v>897</v>
      </c>
      <c r="C4289" s="3" t="s">
        <v>262</v>
      </c>
    </row>
    <row r="4290" spans="1:3" ht="27" x14ac:dyDescent="0.15">
      <c r="A4290" s="3">
        <v>2008400797</v>
      </c>
      <c r="B4290" s="4" t="s">
        <v>923</v>
      </c>
      <c r="C4290" s="3" t="s">
        <v>262</v>
      </c>
    </row>
    <row r="4291" spans="1:3" x14ac:dyDescent="0.15">
      <c r="A4291" s="3">
        <v>2011411628</v>
      </c>
      <c r="B4291" s="4" t="s">
        <v>3075</v>
      </c>
      <c r="C4291" s="3" t="s">
        <v>262</v>
      </c>
    </row>
    <row r="4292" spans="1:3" ht="27" x14ac:dyDescent="0.15">
      <c r="A4292" s="3">
        <v>2011411629</v>
      </c>
      <c r="B4292" s="4" t="s">
        <v>3076</v>
      </c>
      <c r="C4292" s="3" t="s">
        <v>262</v>
      </c>
    </row>
    <row r="4293" spans="1:3" ht="27" x14ac:dyDescent="0.15">
      <c r="A4293" s="3">
        <v>2011411600</v>
      </c>
      <c r="B4293" s="4" t="s">
        <v>3040</v>
      </c>
      <c r="C4293" s="3" t="s">
        <v>3041</v>
      </c>
    </row>
    <row r="4294" spans="1:3" ht="27" x14ac:dyDescent="0.15">
      <c r="A4294" s="3">
        <v>2011410039</v>
      </c>
      <c r="B4294" s="4" t="s">
        <v>1119</v>
      </c>
      <c r="C4294" s="3" t="s">
        <v>1120</v>
      </c>
    </row>
    <row r="4295" spans="1:3" ht="27" x14ac:dyDescent="0.15">
      <c r="A4295" s="3">
        <v>2011411761</v>
      </c>
      <c r="B4295" s="4" t="s">
        <v>3200</v>
      </c>
      <c r="C4295" s="3" t="s">
        <v>3201</v>
      </c>
    </row>
    <row r="4296" spans="1:3" x14ac:dyDescent="0.15">
      <c r="A4296" s="3">
        <v>2011411762</v>
      </c>
      <c r="B4296" s="4" t="s">
        <v>3202</v>
      </c>
      <c r="C4296" s="3" t="s">
        <v>3201</v>
      </c>
    </row>
    <row r="4297" spans="1:3" x14ac:dyDescent="0.15">
      <c r="A4297" s="3">
        <v>2011411763</v>
      </c>
      <c r="B4297" s="4" t="s">
        <v>3203</v>
      </c>
      <c r="C4297" s="3" t="s">
        <v>3201</v>
      </c>
    </row>
    <row r="4298" spans="1:3" ht="27" x14ac:dyDescent="0.15">
      <c r="A4298" s="3">
        <v>2011411764</v>
      </c>
      <c r="B4298" s="4" t="s">
        <v>3204</v>
      </c>
      <c r="C4298" s="3" t="s">
        <v>3201</v>
      </c>
    </row>
    <row r="4299" spans="1:3" ht="27" x14ac:dyDescent="0.15">
      <c r="A4299" s="3">
        <v>2011411765</v>
      </c>
      <c r="B4299" s="4" t="s">
        <v>3205</v>
      </c>
      <c r="C4299" s="3" t="s">
        <v>3201</v>
      </c>
    </row>
    <row r="4300" spans="1:3" ht="27" x14ac:dyDescent="0.15">
      <c r="A4300" s="3">
        <v>2011411766</v>
      </c>
      <c r="B4300" s="4" t="s">
        <v>3206</v>
      </c>
      <c r="C4300" s="3" t="s">
        <v>3201</v>
      </c>
    </row>
    <row r="4301" spans="1:3" ht="27" x14ac:dyDescent="0.15">
      <c r="A4301" s="3">
        <v>2011411767</v>
      </c>
      <c r="B4301" s="4" t="s">
        <v>3207</v>
      </c>
      <c r="C4301" s="3" t="s">
        <v>3201</v>
      </c>
    </row>
    <row r="4302" spans="1:3" x14ac:dyDescent="0.15">
      <c r="A4302" s="3">
        <v>2011411918</v>
      </c>
      <c r="B4302" s="4" t="s">
        <v>3402</v>
      </c>
      <c r="C4302" s="3" t="s">
        <v>3201</v>
      </c>
    </row>
    <row r="4303" spans="1:3" x14ac:dyDescent="0.15">
      <c r="A4303" s="3">
        <v>2011411919</v>
      </c>
      <c r="B4303" s="4" t="s">
        <v>3403</v>
      </c>
      <c r="C4303" s="3" t="s">
        <v>3201</v>
      </c>
    </row>
    <row r="4304" spans="1:3" ht="27" x14ac:dyDescent="0.15">
      <c r="A4304" s="3">
        <v>2011411769</v>
      </c>
      <c r="B4304" s="4" t="s">
        <v>3209</v>
      </c>
      <c r="C4304" s="3" t="s">
        <v>3210</v>
      </c>
    </row>
    <row r="4305" spans="1:3" x14ac:dyDescent="0.15">
      <c r="A4305" s="3">
        <v>2008400258</v>
      </c>
      <c r="B4305" s="4" t="s">
        <v>308</v>
      </c>
      <c r="C4305" s="3" t="s">
        <v>309</v>
      </c>
    </row>
    <row r="4306" spans="1:3" ht="27" x14ac:dyDescent="0.15">
      <c r="A4306" s="3">
        <v>2008400259</v>
      </c>
      <c r="B4306" s="4" t="s">
        <v>310</v>
      </c>
      <c r="C4306" s="3" t="s">
        <v>309</v>
      </c>
    </row>
    <row r="4307" spans="1:3" ht="27" x14ac:dyDescent="0.15">
      <c r="A4307" s="3">
        <v>2008400260</v>
      </c>
      <c r="B4307" s="4" t="s">
        <v>311</v>
      </c>
      <c r="C4307" s="3" t="s">
        <v>309</v>
      </c>
    </row>
    <row r="4308" spans="1:3" ht="27" x14ac:dyDescent="0.15">
      <c r="A4308" s="3">
        <v>2008400291</v>
      </c>
      <c r="B4308" s="4" t="s">
        <v>344</v>
      </c>
      <c r="C4308" s="3" t="s">
        <v>309</v>
      </c>
    </row>
    <row r="4309" spans="1:3" x14ac:dyDescent="0.15">
      <c r="A4309" s="3">
        <v>2011410298</v>
      </c>
      <c r="B4309" s="4" t="s">
        <v>1469</v>
      </c>
      <c r="C4309" s="3" t="s">
        <v>309</v>
      </c>
    </row>
    <row r="4310" spans="1:3" ht="27" x14ac:dyDescent="0.15">
      <c r="A4310" s="3">
        <v>2011411772</v>
      </c>
      <c r="B4310" s="4" t="s">
        <v>3215</v>
      </c>
      <c r="C4310" s="3" t="s">
        <v>309</v>
      </c>
    </row>
    <row r="4311" spans="1:3" ht="27" x14ac:dyDescent="0.15">
      <c r="A4311" s="3">
        <v>2011411773</v>
      </c>
      <c r="B4311" s="4" t="s">
        <v>3216</v>
      </c>
      <c r="C4311" s="3" t="s">
        <v>309</v>
      </c>
    </row>
    <row r="4312" spans="1:3" ht="27" x14ac:dyDescent="0.15">
      <c r="A4312" s="3">
        <v>2011411774</v>
      </c>
      <c r="B4312" s="4" t="s">
        <v>3217</v>
      </c>
      <c r="C4312" s="3" t="s">
        <v>309</v>
      </c>
    </row>
    <row r="4313" spans="1:3" ht="27" x14ac:dyDescent="0.15">
      <c r="A4313" s="3">
        <v>2011411775</v>
      </c>
      <c r="B4313" s="4" t="s">
        <v>3218</v>
      </c>
      <c r="C4313" s="3" t="s">
        <v>309</v>
      </c>
    </row>
    <row r="4314" spans="1:3" ht="27" x14ac:dyDescent="0.15">
      <c r="A4314" s="3">
        <v>2011411776</v>
      </c>
      <c r="B4314" s="4" t="s">
        <v>3219</v>
      </c>
      <c r="C4314" s="3" t="s">
        <v>309</v>
      </c>
    </row>
    <row r="4315" spans="1:3" ht="27" x14ac:dyDescent="0.15">
      <c r="A4315" s="3">
        <v>2011411777</v>
      </c>
      <c r="B4315" s="4" t="s">
        <v>3220</v>
      </c>
      <c r="C4315" s="3" t="s">
        <v>309</v>
      </c>
    </row>
    <row r="4316" spans="1:3" ht="27" x14ac:dyDescent="0.15">
      <c r="A4316" s="3">
        <v>2011411778</v>
      </c>
      <c r="B4316" s="4" t="s">
        <v>3221</v>
      </c>
      <c r="C4316" s="3" t="s">
        <v>309</v>
      </c>
    </row>
    <row r="4317" spans="1:3" ht="27" x14ac:dyDescent="0.15">
      <c r="A4317" s="3">
        <v>2011411779</v>
      </c>
      <c r="B4317" s="4" t="s">
        <v>3222</v>
      </c>
      <c r="C4317" s="3" t="s">
        <v>309</v>
      </c>
    </row>
    <row r="4318" spans="1:3" ht="27" x14ac:dyDescent="0.15">
      <c r="A4318" s="3">
        <v>2011411780</v>
      </c>
      <c r="B4318" s="4" t="s">
        <v>3223</v>
      </c>
      <c r="C4318" s="3" t="s">
        <v>309</v>
      </c>
    </row>
    <row r="4319" spans="1:3" ht="27" x14ac:dyDescent="0.15">
      <c r="A4319" s="3">
        <v>2011411781</v>
      </c>
      <c r="B4319" s="4" t="s">
        <v>3224</v>
      </c>
      <c r="C4319" s="3" t="s">
        <v>309</v>
      </c>
    </row>
    <row r="4320" spans="1:3" ht="27" x14ac:dyDescent="0.15">
      <c r="A4320" s="3">
        <v>2011411782</v>
      </c>
      <c r="B4320" s="4" t="s">
        <v>3225</v>
      </c>
      <c r="C4320" s="3" t="s">
        <v>309</v>
      </c>
    </row>
    <row r="4321" spans="1:3" ht="27" x14ac:dyDescent="0.15">
      <c r="A4321" s="3">
        <v>2011411783</v>
      </c>
      <c r="B4321" s="4" t="s">
        <v>3226</v>
      </c>
      <c r="C4321" s="3" t="s">
        <v>309</v>
      </c>
    </row>
    <row r="4322" spans="1:3" ht="27" x14ac:dyDescent="0.15">
      <c r="A4322" s="3">
        <v>2011411784</v>
      </c>
      <c r="B4322" s="4" t="s">
        <v>3227</v>
      </c>
      <c r="C4322" s="3" t="s">
        <v>309</v>
      </c>
    </row>
    <row r="4323" spans="1:3" ht="27" x14ac:dyDescent="0.15">
      <c r="A4323" s="3">
        <v>2011411785</v>
      </c>
      <c r="B4323" s="4" t="s">
        <v>3228</v>
      </c>
      <c r="C4323" s="3" t="s">
        <v>309</v>
      </c>
    </row>
    <row r="4324" spans="1:3" x14ac:dyDescent="0.15">
      <c r="A4324" s="3">
        <v>2011411786</v>
      </c>
      <c r="B4324" s="4" t="s">
        <v>3229</v>
      </c>
      <c r="C4324" s="3" t="s">
        <v>309</v>
      </c>
    </row>
    <row r="4325" spans="1:3" x14ac:dyDescent="0.15">
      <c r="A4325" s="3">
        <v>2011411787</v>
      </c>
      <c r="B4325" s="4" t="s">
        <v>3230</v>
      </c>
      <c r="C4325" s="3" t="s">
        <v>309</v>
      </c>
    </row>
    <row r="4326" spans="1:3" ht="27" x14ac:dyDescent="0.15">
      <c r="A4326" s="3">
        <v>2011411788</v>
      </c>
      <c r="B4326" s="4" t="s">
        <v>3231</v>
      </c>
      <c r="C4326" s="3" t="s">
        <v>309</v>
      </c>
    </row>
    <row r="4327" spans="1:3" x14ac:dyDescent="0.15">
      <c r="A4327" s="3">
        <v>2011411789</v>
      </c>
      <c r="B4327" s="4" t="s">
        <v>3232</v>
      </c>
      <c r="C4327" s="3" t="s">
        <v>309</v>
      </c>
    </row>
    <row r="4328" spans="1:3" ht="27" x14ac:dyDescent="0.15">
      <c r="A4328" s="3">
        <v>2011411790</v>
      </c>
      <c r="B4328" s="4" t="s">
        <v>3233</v>
      </c>
      <c r="C4328" s="3" t="s">
        <v>309</v>
      </c>
    </row>
    <row r="4329" spans="1:3" ht="27" x14ac:dyDescent="0.15">
      <c r="A4329" s="3">
        <v>2011411791</v>
      </c>
      <c r="B4329" s="4" t="s">
        <v>3234</v>
      </c>
      <c r="C4329" s="3" t="s">
        <v>309</v>
      </c>
    </row>
    <row r="4330" spans="1:3" x14ac:dyDescent="0.15">
      <c r="A4330" s="3">
        <v>2011411792</v>
      </c>
      <c r="B4330" s="4" t="s">
        <v>3235</v>
      </c>
      <c r="C4330" s="3" t="s">
        <v>309</v>
      </c>
    </row>
    <row r="4331" spans="1:3" ht="27" x14ac:dyDescent="0.15">
      <c r="A4331" s="3">
        <v>2011411793</v>
      </c>
      <c r="B4331" s="4" t="s">
        <v>3236</v>
      </c>
      <c r="C4331" s="3" t="s">
        <v>309</v>
      </c>
    </row>
    <row r="4332" spans="1:3" ht="27" x14ac:dyDescent="0.15">
      <c r="A4332" s="3">
        <v>2011411794</v>
      </c>
      <c r="B4332" s="4" t="s">
        <v>3237</v>
      </c>
      <c r="C4332" s="3" t="s">
        <v>309</v>
      </c>
    </row>
    <row r="4333" spans="1:3" x14ac:dyDescent="0.15">
      <c r="A4333" s="3">
        <v>2011411832</v>
      </c>
      <c r="B4333" s="4" t="s">
        <v>3284</v>
      </c>
      <c r="C4333" s="3" t="s">
        <v>309</v>
      </c>
    </row>
    <row r="4334" spans="1:3" ht="27" x14ac:dyDescent="0.15">
      <c r="A4334" s="3">
        <v>2011411923</v>
      </c>
      <c r="B4334" s="4" t="s">
        <v>3410</v>
      </c>
      <c r="C4334" s="3" t="s">
        <v>309</v>
      </c>
    </row>
    <row r="4335" spans="1:3" ht="27" x14ac:dyDescent="0.15">
      <c r="A4335" s="3">
        <v>2011411800</v>
      </c>
      <c r="B4335" s="4" t="s">
        <v>3244</v>
      </c>
      <c r="C4335" s="3" t="s">
        <v>3245</v>
      </c>
    </row>
    <row r="4336" spans="1:3" ht="27" x14ac:dyDescent="0.15">
      <c r="A4336" s="3">
        <v>2011411801</v>
      </c>
      <c r="B4336" s="4" t="s">
        <v>3246</v>
      </c>
      <c r="C4336" s="3" t="s">
        <v>3247</v>
      </c>
    </row>
    <row r="4337" spans="1:3" ht="27" x14ac:dyDescent="0.15">
      <c r="A4337" s="3">
        <v>2011411802</v>
      </c>
      <c r="B4337" s="4" t="s">
        <v>3248</v>
      </c>
      <c r="C4337" s="3" t="s">
        <v>3247</v>
      </c>
    </row>
    <row r="4338" spans="1:3" ht="27" x14ac:dyDescent="0.15">
      <c r="A4338" s="3">
        <v>2008400262</v>
      </c>
      <c r="B4338" s="4" t="s">
        <v>314</v>
      </c>
      <c r="C4338" s="3" t="s">
        <v>315</v>
      </c>
    </row>
    <row r="4339" spans="1:3" ht="27" x14ac:dyDescent="0.15">
      <c r="A4339" s="3">
        <v>2008400263</v>
      </c>
      <c r="B4339" s="4" t="s">
        <v>314</v>
      </c>
      <c r="C4339" s="3" t="s">
        <v>315</v>
      </c>
    </row>
    <row r="4340" spans="1:3" ht="27" x14ac:dyDescent="0.15">
      <c r="A4340" s="3">
        <v>2008400264</v>
      </c>
      <c r="B4340" s="4" t="s">
        <v>316</v>
      </c>
      <c r="C4340" s="3" t="s">
        <v>315</v>
      </c>
    </row>
    <row r="4341" spans="1:3" ht="27" x14ac:dyDescent="0.15">
      <c r="A4341" s="3">
        <v>2008400265</v>
      </c>
      <c r="B4341" s="4" t="s">
        <v>317</v>
      </c>
      <c r="C4341" s="3" t="s">
        <v>315</v>
      </c>
    </row>
    <row r="4342" spans="1:3" x14ac:dyDescent="0.15">
      <c r="A4342" s="3">
        <v>2008400266</v>
      </c>
      <c r="B4342" s="4" t="s">
        <v>318</v>
      </c>
      <c r="C4342" s="3" t="s">
        <v>315</v>
      </c>
    </row>
    <row r="4343" spans="1:3" ht="27" x14ac:dyDescent="0.15">
      <c r="A4343" s="3">
        <v>2011411813</v>
      </c>
      <c r="B4343" s="4" t="s">
        <v>316</v>
      </c>
      <c r="C4343" s="3" t="s">
        <v>315</v>
      </c>
    </row>
    <row r="4344" spans="1:3" ht="27" x14ac:dyDescent="0.15">
      <c r="A4344" s="3">
        <v>2011411814</v>
      </c>
      <c r="B4344" s="4" t="s">
        <v>3264</v>
      </c>
      <c r="C4344" s="3" t="s">
        <v>315</v>
      </c>
    </row>
    <row r="4345" spans="1:3" ht="27" x14ac:dyDescent="0.15">
      <c r="A4345" s="3">
        <v>2011411815</v>
      </c>
      <c r="B4345" s="4" t="s">
        <v>3265</v>
      </c>
      <c r="C4345" s="3" t="s">
        <v>315</v>
      </c>
    </row>
    <row r="4346" spans="1:3" ht="27" x14ac:dyDescent="0.15">
      <c r="A4346" s="3">
        <v>2011411816</v>
      </c>
      <c r="B4346" s="4" t="s">
        <v>3266</v>
      </c>
      <c r="C4346" s="3" t="s">
        <v>315</v>
      </c>
    </row>
    <row r="4347" spans="1:3" ht="27" x14ac:dyDescent="0.15">
      <c r="A4347" s="3">
        <v>2011411817</v>
      </c>
      <c r="B4347" s="4" t="s">
        <v>3267</v>
      </c>
      <c r="C4347" s="3" t="s">
        <v>315</v>
      </c>
    </row>
    <row r="4348" spans="1:3" ht="27" x14ac:dyDescent="0.15">
      <c r="A4348" s="3">
        <v>2011411818</v>
      </c>
      <c r="B4348" s="4" t="s">
        <v>3268</v>
      </c>
      <c r="C4348" s="3" t="s">
        <v>315</v>
      </c>
    </row>
    <row r="4349" spans="1:3" ht="27" x14ac:dyDescent="0.15">
      <c r="A4349" s="3">
        <v>2011411819</v>
      </c>
      <c r="B4349" s="4" t="s">
        <v>3269</v>
      </c>
      <c r="C4349" s="3" t="s">
        <v>315</v>
      </c>
    </row>
    <row r="4350" spans="1:3" ht="27" x14ac:dyDescent="0.15">
      <c r="A4350" s="3">
        <v>2011411820</v>
      </c>
      <c r="B4350" s="4" t="s">
        <v>3270</v>
      </c>
      <c r="C4350" s="3" t="s">
        <v>315</v>
      </c>
    </row>
    <row r="4351" spans="1:3" ht="27" x14ac:dyDescent="0.15">
      <c r="A4351" s="3">
        <v>2011411821</v>
      </c>
      <c r="B4351" s="4" t="s">
        <v>3271</v>
      </c>
      <c r="C4351" s="3" t="s">
        <v>315</v>
      </c>
    </row>
    <row r="4352" spans="1:3" ht="27" x14ac:dyDescent="0.15">
      <c r="A4352" s="3">
        <v>2011411822</v>
      </c>
      <c r="B4352" s="4" t="s">
        <v>3272</v>
      </c>
      <c r="C4352" s="3" t="s">
        <v>315</v>
      </c>
    </row>
    <row r="4353" spans="1:3" ht="27" x14ac:dyDescent="0.15">
      <c r="A4353" s="3">
        <v>2011411823</v>
      </c>
      <c r="B4353" s="4" t="s">
        <v>3273</v>
      </c>
      <c r="C4353" s="3" t="s">
        <v>315</v>
      </c>
    </row>
    <row r="4354" spans="1:3" ht="27" x14ac:dyDescent="0.15">
      <c r="A4354" s="3">
        <v>2011411824</v>
      </c>
      <c r="B4354" s="4" t="s">
        <v>3274</v>
      </c>
      <c r="C4354" s="3" t="s">
        <v>315</v>
      </c>
    </row>
    <row r="4355" spans="1:3" ht="27" x14ac:dyDescent="0.15">
      <c r="A4355" s="3">
        <v>2011411825</v>
      </c>
      <c r="B4355" s="4" t="s">
        <v>3275</v>
      </c>
      <c r="C4355" s="3" t="s">
        <v>315</v>
      </c>
    </row>
    <row r="4356" spans="1:3" ht="27" x14ac:dyDescent="0.15">
      <c r="A4356" s="3">
        <v>2011411826</v>
      </c>
      <c r="B4356" s="4" t="s">
        <v>3276</v>
      </c>
      <c r="C4356" s="3" t="s">
        <v>315</v>
      </c>
    </row>
    <row r="4357" spans="1:3" ht="27" x14ac:dyDescent="0.15">
      <c r="A4357" s="3">
        <v>2011411827</v>
      </c>
      <c r="B4357" s="4" t="s">
        <v>3277</v>
      </c>
      <c r="C4357" s="3" t="s">
        <v>315</v>
      </c>
    </row>
    <row r="4358" spans="1:3" ht="27" x14ac:dyDescent="0.15">
      <c r="A4358" s="3">
        <v>2011411828</v>
      </c>
      <c r="B4358" s="4" t="s">
        <v>3278</v>
      </c>
      <c r="C4358" s="3" t="s">
        <v>315</v>
      </c>
    </row>
    <row r="4359" spans="1:3" ht="27" x14ac:dyDescent="0.15">
      <c r="A4359" s="3">
        <v>2011411829</v>
      </c>
      <c r="B4359" s="4" t="s">
        <v>3279</v>
      </c>
      <c r="C4359" s="3" t="s">
        <v>315</v>
      </c>
    </row>
    <row r="4360" spans="1:3" x14ac:dyDescent="0.15">
      <c r="A4360" s="3">
        <v>2011411924</v>
      </c>
      <c r="B4360" s="4" t="s">
        <v>3411</v>
      </c>
      <c r="C4360" s="3" t="s">
        <v>3412</v>
      </c>
    </row>
    <row r="4361" spans="1:3" x14ac:dyDescent="0.15">
      <c r="A4361" s="3">
        <v>2011411925</v>
      </c>
      <c r="B4361" s="4" t="s">
        <v>3413</v>
      </c>
      <c r="C4361" s="3" t="s">
        <v>3412</v>
      </c>
    </row>
    <row r="4362" spans="1:3" ht="27" x14ac:dyDescent="0.15">
      <c r="A4362" s="3">
        <v>2011411833</v>
      </c>
      <c r="B4362" s="4" t="s">
        <v>3285</v>
      </c>
      <c r="C4362" s="3" t="s">
        <v>3286</v>
      </c>
    </row>
    <row r="4363" spans="1:3" x14ac:dyDescent="0.15">
      <c r="A4363" s="3">
        <v>2011411929</v>
      </c>
      <c r="B4363" s="4" t="s">
        <v>3417</v>
      </c>
      <c r="C4363" s="3" t="s">
        <v>3286</v>
      </c>
    </row>
    <row r="4364" spans="1:3" x14ac:dyDescent="0.15">
      <c r="A4364" s="3">
        <v>2011411935</v>
      </c>
      <c r="B4364" s="4" t="s">
        <v>3426</v>
      </c>
      <c r="C4364" s="3" t="s">
        <v>3427</v>
      </c>
    </row>
    <row r="4365" spans="1:3" ht="27" x14ac:dyDescent="0.15">
      <c r="A4365" s="3">
        <v>2011411848</v>
      </c>
      <c r="B4365" s="4" t="s">
        <v>3308</v>
      </c>
      <c r="C4365" s="3" t="s">
        <v>3309</v>
      </c>
    </row>
    <row r="4366" spans="1:3" ht="40.5" x14ac:dyDescent="0.15">
      <c r="A4366" s="3">
        <v>2011411945</v>
      </c>
      <c r="B4366" s="4" t="s">
        <v>3443</v>
      </c>
      <c r="C4366" s="3" t="s">
        <v>3444</v>
      </c>
    </row>
    <row r="4367" spans="1:3" ht="27" x14ac:dyDescent="0.15">
      <c r="A4367" s="3">
        <v>2008400292</v>
      </c>
      <c r="B4367" s="4" t="s">
        <v>345</v>
      </c>
      <c r="C4367" s="3" t="s">
        <v>346</v>
      </c>
    </row>
    <row r="4368" spans="1:3" ht="27" x14ac:dyDescent="0.15">
      <c r="A4368" s="3">
        <v>2011410004</v>
      </c>
      <c r="B4368" s="4" t="s">
        <v>1066</v>
      </c>
      <c r="C4368" s="3" t="s">
        <v>346</v>
      </c>
    </row>
    <row r="4369" spans="1:3" ht="27" x14ac:dyDescent="0.15">
      <c r="A4369" s="3">
        <v>2011411862</v>
      </c>
      <c r="B4369" s="4" t="s">
        <v>3330</v>
      </c>
      <c r="C4369" s="3" t="s">
        <v>346</v>
      </c>
    </row>
    <row r="4370" spans="1:3" x14ac:dyDescent="0.15">
      <c r="A4370" s="3">
        <v>2011411867</v>
      </c>
      <c r="B4370" s="4" t="s">
        <v>3337</v>
      </c>
      <c r="C4370" s="3" t="s">
        <v>3338</v>
      </c>
    </row>
    <row r="4371" spans="1:3" ht="27" x14ac:dyDescent="0.15">
      <c r="A4371" s="3">
        <v>2011411869</v>
      </c>
      <c r="B4371" s="4" t="s">
        <v>3340</v>
      </c>
      <c r="C4371" s="3" t="s">
        <v>3341</v>
      </c>
    </row>
    <row r="4372" spans="1:3" ht="27" x14ac:dyDescent="0.15">
      <c r="A4372" s="3">
        <v>2011411870</v>
      </c>
      <c r="B4372" s="4" t="s">
        <v>3340</v>
      </c>
      <c r="C4372" s="3" t="s">
        <v>3341</v>
      </c>
    </row>
    <row r="4373" spans="1:3" x14ac:dyDescent="0.15">
      <c r="A4373" s="3">
        <v>2011411938</v>
      </c>
      <c r="B4373" s="4" t="s">
        <v>3432</v>
      </c>
      <c r="C4373" s="3" t="s">
        <v>3341</v>
      </c>
    </row>
    <row r="4374" spans="1:3" x14ac:dyDescent="0.15">
      <c r="A4374" s="3">
        <v>2011411837</v>
      </c>
      <c r="B4374" s="4" t="s">
        <v>3293</v>
      </c>
      <c r="C4374" s="3" t="s">
        <v>3294</v>
      </c>
    </row>
    <row r="4375" spans="1:3" ht="40.5" x14ac:dyDescent="0.15">
      <c r="A4375" s="3">
        <v>2011411884</v>
      </c>
      <c r="B4375" s="4" t="s">
        <v>3359</v>
      </c>
      <c r="C4375" s="3" t="s">
        <v>3360</v>
      </c>
    </row>
    <row r="4376" spans="1:3" ht="40.5" x14ac:dyDescent="0.15">
      <c r="A4376" s="3">
        <v>2011411885</v>
      </c>
      <c r="B4376" s="4" t="s">
        <v>3361</v>
      </c>
      <c r="C4376" s="3" t="s">
        <v>3360</v>
      </c>
    </row>
    <row r="4377" spans="1:3" ht="40.5" x14ac:dyDescent="0.15">
      <c r="A4377" s="3">
        <v>2011411886</v>
      </c>
      <c r="B4377" s="4" t="s">
        <v>3362</v>
      </c>
      <c r="C4377" s="3" t="s">
        <v>3360</v>
      </c>
    </row>
    <row r="4378" spans="1:3" ht="40.5" x14ac:dyDescent="0.15">
      <c r="A4378" s="3">
        <v>2011411887</v>
      </c>
      <c r="B4378" s="4" t="s">
        <v>3363</v>
      </c>
      <c r="C4378" s="3" t="s">
        <v>3360</v>
      </c>
    </row>
    <row r="4379" spans="1:3" ht="40.5" x14ac:dyDescent="0.15">
      <c r="A4379" s="3">
        <v>2011411888</v>
      </c>
      <c r="B4379" s="4" t="s">
        <v>3364</v>
      </c>
      <c r="C4379" s="3" t="s">
        <v>3360</v>
      </c>
    </row>
    <row r="4380" spans="1:3" ht="40.5" x14ac:dyDescent="0.15">
      <c r="A4380" s="3">
        <v>2011411889</v>
      </c>
      <c r="B4380" s="4" t="s">
        <v>3365</v>
      </c>
      <c r="C4380" s="3" t="s">
        <v>3360</v>
      </c>
    </row>
    <row r="4381" spans="1:3" ht="27" x14ac:dyDescent="0.15">
      <c r="A4381" s="3">
        <v>2011411890</v>
      </c>
      <c r="B4381" s="4" t="s">
        <v>3366</v>
      </c>
      <c r="C4381" s="3" t="s">
        <v>3360</v>
      </c>
    </row>
    <row r="4382" spans="1:3" ht="27" x14ac:dyDescent="0.15">
      <c r="A4382" s="3">
        <v>2011411891</v>
      </c>
      <c r="B4382" s="4" t="s">
        <v>3367</v>
      </c>
      <c r="C4382" s="3" t="s">
        <v>3360</v>
      </c>
    </row>
    <row r="4383" spans="1:3" ht="40.5" x14ac:dyDescent="0.15">
      <c r="A4383" s="3">
        <v>2011411892</v>
      </c>
      <c r="B4383" s="4" t="s">
        <v>3368</v>
      </c>
      <c r="C4383" s="3" t="s">
        <v>3360</v>
      </c>
    </row>
    <row r="4384" spans="1:3" ht="40.5" x14ac:dyDescent="0.15">
      <c r="A4384" s="3">
        <v>2011411893</v>
      </c>
      <c r="B4384" s="4" t="s">
        <v>3369</v>
      </c>
      <c r="C4384" s="3" t="s">
        <v>3360</v>
      </c>
    </row>
    <row r="4385" spans="1:3" ht="40.5" x14ac:dyDescent="0.15">
      <c r="A4385" s="3">
        <v>2011411894</v>
      </c>
      <c r="B4385" s="4" t="s">
        <v>3370</v>
      </c>
      <c r="C4385" s="3" t="s">
        <v>3360</v>
      </c>
    </row>
    <row r="4386" spans="1:3" ht="40.5" x14ac:dyDescent="0.15">
      <c r="A4386" s="3">
        <v>2011411895</v>
      </c>
      <c r="B4386" s="4" t="s">
        <v>3371</v>
      </c>
      <c r="C4386" s="3" t="s">
        <v>3360</v>
      </c>
    </row>
    <row r="4387" spans="1:3" ht="27" x14ac:dyDescent="0.15">
      <c r="A4387" s="3">
        <v>2011411896</v>
      </c>
      <c r="B4387" s="4" t="s">
        <v>3372</v>
      </c>
      <c r="C4387" s="3" t="s">
        <v>3360</v>
      </c>
    </row>
    <row r="4388" spans="1:3" ht="27" x14ac:dyDescent="0.15">
      <c r="A4388" s="3">
        <v>2011411897</v>
      </c>
      <c r="B4388" s="4" t="s">
        <v>3373</v>
      </c>
      <c r="C4388" s="3" t="s">
        <v>3360</v>
      </c>
    </row>
    <row r="4389" spans="1:3" ht="27" x14ac:dyDescent="0.15">
      <c r="A4389" s="3">
        <v>2011411898</v>
      </c>
      <c r="B4389" s="4" t="s">
        <v>3374</v>
      </c>
      <c r="C4389" s="3" t="s">
        <v>3360</v>
      </c>
    </row>
    <row r="4390" spans="1:3" x14ac:dyDescent="0.15">
      <c r="A4390" s="3">
        <v>2011411954</v>
      </c>
      <c r="B4390" s="4" t="s">
        <v>3456</v>
      </c>
      <c r="C4390" s="3" t="s">
        <v>3457</v>
      </c>
    </row>
    <row r="4391" spans="1:3" x14ac:dyDescent="0.15">
      <c r="A4391" s="3">
        <v>2011411955</v>
      </c>
      <c r="B4391" s="4" t="s">
        <v>3456</v>
      </c>
      <c r="C4391" s="3" t="s">
        <v>3457</v>
      </c>
    </row>
    <row r="4392" spans="1:3" x14ac:dyDescent="0.15">
      <c r="A4392" s="3">
        <v>2011411968</v>
      </c>
      <c r="B4392" s="4" t="s">
        <v>3474</v>
      </c>
      <c r="C4392" s="3" t="s">
        <v>3475</v>
      </c>
    </row>
    <row r="4393" spans="1:3" x14ac:dyDescent="0.15">
      <c r="A4393" s="3">
        <v>2011411969</v>
      </c>
      <c r="B4393" s="4" t="s">
        <v>3476</v>
      </c>
      <c r="C4393" s="3" t="s">
        <v>3475</v>
      </c>
    </row>
    <row r="4394" spans="1:3" ht="40.5" x14ac:dyDescent="0.15">
      <c r="A4394" s="3">
        <v>2011412394</v>
      </c>
      <c r="B4394" s="4" t="s">
        <v>3954</v>
      </c>
      <c r="C4394" s="3" t="s">
        <v>3475</v>
      </c>
    </row>
    <row r="4395" spans="1:3" ht="27" x14ac:dyDescent="0.15">
      <c r="A4395" s="3">
        <v>2008400802</v>
      </c>
      <c r="B4395" s="4" t="s">
        <v>928</v>
      </c>
      <c r="C4395" s="3" t="s">
        <v>929</v>
      </c>
    </row>
    <row r="4396" spans="1:3" ht="27" x14ac:dyDescent="0.15">
      <c r="A4396" s="3">
        <v>2011412005</v>
      </c>
      <c r="B4396" s="4" t="s">
        <v>3509</v>
      </c>
      <c r="C4396" s="3" t="s">
        <v>929</v>
      </c>
    </row>
    <row r="4397" spans="1:3" x14ac:dyDescent="0.15">
      <c r="A4397" s="3">
        <v>2011412008</v>
      </c>
      <c r="B4397" s="4" t="s">
        <v>3512</v>
      </c>
      <c r="C4397" s="3" t="s">
        <v>929</v>
      </c>
    </row>
    <row r="4398" spans="1:3" x14ac:dyDescent="0.15">
      <c r="A4398" s="3">
        <v>2011412069</v>
      </c>
      <c r="B4398" s="4" t="s">
        <v>3581</v>
      </c>
      <c r="C4398" s="3" t="s">
        <v>929</v>
      </c>
    </row>
    <row r="4399" spans="1:3" ht="27" x14ac:dyDescent="0.15">
      <c r="A4399" s="3">
        <v>2011412072</v>
      </c>
      <c r="B4399" s="4" t="s">
        <v>3584</v>
      </c>
      <c r="C4399" s="3" t="s">
        <v>929</v>
      </c>
    </row>
    <row r="4400" spans="1:3" ht="27" x14ac:dyDescent="0.15">
      <c r="A4400" s="3">
        <v>2008400315</v>
      </c>
      <c r="B4400" s="4" t="s">
        <v>372</v>
      </c>
      <c r="C4400" s="3" t="s">
        <v>373</v>
      </c>
    </row>
    <row r="4401" spans="1:3" ht="27" x14ac:dyDescent="0.15">
      <c r="A4401" s="3">
        <v>2008400316</v>
      </c>
      <c r="B4401" s="4" t="s">
        <v>374</v>
      </c>
      <c r="C4401" s="3" t="s">
        <v>373</v>
      </c>
    </row>
    <row r="4402" spans="1:3" ht="27" x14ac:dyDescent="0.15">
      <c r="A4402" s="3">
        <v>2008400383</v>
      </c>
      <c r="B4402" s="4" t="s">
        <v>458</v>
      </c>
      <c r="C4402" s="3" t="s">
        <v>373</v>
      </c>
    </row>
    <row r="4403" spans="1:3" ht="27" x14ac:dyDescent="0.15">
      <c r="A4403" s="3">
        <v>2008400384</v>
      </c>
      <c r="B4403" s="4" t="s">
        <v>459</v>
      </c>
      <c r="C4403" s="3" t="s">
        <v>373</v>
      </c>
    </row>
    <row r="4404" spans="1:3" ht="27" x14ac:dyDescent="0.15">
      <c r="A4404" s="3">
        <v>2008400385</v>
      </c>
      <c r="B4404" s="4" t="s">
        <v>460</v>
      </c>
      <c r="C4404" s="3" t="s">
        <v>373</v>
      </c>
    </row>
    <row r="4405" spans="1:3" ht="27" x14ac:dyDescent="0.15">
      <c r="A4405" s="3">
        <v>2008400386</v>
      </c>
      <c r="B4405" s="4" t="s">
        <v>461</v>
      </c>
      <c r="C4405" s="3" t="s">
        <v>373</v>
      </c>
    </row>
    <row r="4406" spans="1:3" ht="27" x14ac:dyDescent="0.15">
      <c r="A4406" s="3">
        <v>2008400387</v>
      </c>
      <c r="B4406" s="4" t="s">
        <v>462</v>
      </c>
      <c r="C4406" s="3" t="s">
        <v>373</v>
      </c>
    </row>
    <row r="4407" spans="1:3" ht="27" x14ac:dyDescent="0.15">
      <c r="A4407" s="3">
        <v>2008400805</v>
      </c>
      <c r="B4407" s="4" t="s">
        <v>933</v>
      </c>
      <c r="C4407" s="3" t="s">
        <v>373</v>
      </c>
    </row>
    <row r="4408" spans="1:3" x14ac:dyDescent="0.15">
      <c r="A4408" s="3">
        <v>2008400806</v>
      </c>
      <c r="B4408" s="4" t="s">
        <v>934</v>
      </c>
      <c r="C4408" s="3" t="s">
        <v>373</v>
      </c>
    </row>
    <row r="4409" spans="1:3" ht="27" x14ac:dyDescent="0.15">
      <c r="A4409" s="3">
        <v>2008400807</v>
      </c>
      <c r="B4409" s="4" t="s">
        <v>935</v>
      </c>
      <c r="C4409" s="3" t="s">
        <v>373</v>
      </c>
    </row>
    <row r="4410" spans="1:3" ht="27" x14ac:dyDescent="0.15">
      <c r="A4410" s="3">
        <v>2008400808</v>
      </c>
      <c r="B4410" s="4" t="s">
        <v>936</v>
      </c>
      <c r="C4410" s="3" t="s">
        <v>373</v>
      </c>
    </row>
    <row r="4411" spans="1:3" ht="27" x14ac:dyDescent="0.15">
      <c r="A4411" s="3">
        <v>2008400845</v>
      </c>
      <c r="B4411" s="4" t="s">
        <v>979</v>
      </c>
      <c r="C4411" s="3" t="s">
        <v>373</v>
      </c>
    </row>
    <row r="4412" spans="1:3" ht="27" x14ac:dyDescent="0.15">
      <c r="A4412" s="3">
        <v>2008400846</v>
      </c>
      <c r="B4412" s="4" t="s">
        <v>980</v>
      </c>
      <c r="C4412" s="3" t="s">
        <v>373</v>
      </c>
    </row>
    <row r="4413" spans="1:3" ht="27" x14ac:dyDescent="0.15">
      <c r="A4413" s="3">
        <v>2008400847</v>
      </c>
      <c r="B4413" s="4" t="s">
        <v>981</v>
      </c>
      <c r="C4413" s="3" t="s">
        <v>373</v>
      </c>
    </row>
    <row r="4414" spans="1:3" ht="27" x14ac:dyDescent="0.15">
      <c r="A4414" s="3">
        <v>2008400848</v>
      </c>
      <c r="B4414" s="4" t="s">
        <v>982</v>
      </c>
      <c r="C4414" s="3" t="s">
        <v>373</v>
      </c>
    </row>
    <row r="4415" spans="1:3" ht="27" x14ac:dyDescent="0.15">
      <c r="A4415" s="3">
        <v>2008400849</v>
      </c>
      <c r="B4415" s="4" t="s">
        <v>461</v>
      </c>
      <c r="C4415" s="3" t="s">
        <v>373</v>
      </c>
    </row>
    <row r="4416" spans="1:3" ht="27" x14ac:dyDescent="0.15">
      <c r="A4416" s="3">
        <v>2008400850</v>
      </c>
      <c r="B4416" s="4" t="s">
        <v>983</v>
      </c>
      <c r="C4416" s="3" t="s">
        <v>373</v>
      </c>
    </row>
    <row r="4417" spans="1:3" ht="54" x14ac:dyDescent="0.15">
      <c r="A4417" s="3">
        <v>2011412023</v>
      </c>
      <c r="B4417" s="4" t="s">
        <v>3525</v>
      </c>
      <c r="C4417" s="3" t="s">
        <v>373</v>
      </c>
    </row>
    <row r="4418" spans="1:3" ht="40.5" x14ac:dyDescent="0.15">
      <c r="A4418" s="3">
        <v>2011412024</v>
      </c>
      <c r="B4418" s="4" t="s">
        <v>3526</v>
      </c>
      <c r="C4418" s="3" t="s">
        <v>373</v>
      </c>
    </row>
    <row r="4419" spans="1:3" x14ac:dyDescent="0.15">
      <c r="A4419" s="3">
        <v>2011412025</v>
      </c>
      <c r="B4419" s="4" t="s">
        <v>3527</v>
      </c>
      <c r="C4419" s="3" t="s">
        <v>373</v>
      </c>
    </row>
    <row r="4420" spans="1:3" x14ac:dyDescent="0.15">
      <c r="A4420" s="3">
        <v>2011412026</v>
      </c>
      <c r="B4420" s="4" t="s">
        <v>3528</v>
      </c>
      <c r="C4420" s="3" t="s">
        <v>373</v>
      </c>
    </row>
    <row r="4421" spans="1:3" x14ac:dyDescent="0.15">
      <c r="A4421" s="3">
        <v>2011412027</v>
      </c>
      <c r="B4421" s="4" t="s">
        <v>3529</v>
      </c>
      <c r="C4421" s="3" t="s">
        <v>373</v>
      </c>
    </row>
    <row r="4422" spans="1:3" x14ac:dyDescent="0.15">
      <c r="A4422" s="3">
        <v>2011412028</v>
      </c>
      <c r="B4422" s="4" t="s">
        <v>3530</v>
      </c>
      <c r="C4422" s="3" t="s">
        <v>373</v>
      </c>
    </row>
    <row r="4423" spans="1:3" x14ac:dyDescent="0.15">
      <c r="A4423" s="3">
        <v>2011412029</v>
      </c>
      <c r="B4423" s="4" t="s">
        <v>3531</v>
      </c>
      <c r="C4423" s="3" t="s">
        <v>373</v>
      </c>
    </row>
    <row r="4424" spans="1:3" ht="27" x14ac:dyDescent="0.15">
      <c r="A4424" s="3">
        <v>2011412081</v>
      </c>
      <c r="B4424" s="4" t="s">
        <v>3596</v>
      </c>
      <c r="C4424" s="3" t="s">
        <v>373</v>
      </c>
    </row>
    <row r="4425" spans="1:3" ht="27" x14ac:dyDescent="0.15">
      <c r="A4425" s="3">
        <v>2011412082</v>
      </c>
      <c r="B4425" s="4" t="s">
        <v>3597</v>
      </c>
      <c r="C4425" s="3" t="s">
        <v>373</v>
      </c>
    </row>
    <row r="4426" spans="1:3" x14ac:dyDescent="0.15">
      <c r="A4426" s="3">
        <v>2011412084</v>
      </c>
      <c r="B4426" s="4" t="s">
        <v>3599</v>
      </c>
      <c r="C4426" s="3" t="s">
        <v>373</v>
      </c>
    </row>
    <row r="4427" spans="1:3" x14ac:dyDescent="0.15">
      <c r="A4427" s="3">
        <v>2011412085</v>
      </c>
      <c r="B4427" s="4" t="s">
        <v>3600</v>
      </c>
      <c r="C4427" s="3" t="s">
        <v>373</v>
      </c>
    </row>
    <row r="4428" spans="1:3" x14ac:dyDescent="0.15">
      <c r="A4428" s="3">
        <v>2011412086</v>
      </c>
      <c r="B4428" s="4" t="s">
        <v>3601</v>
      </c>
      <c r="C4428" s="3" t="s">
        <v>373</v>
      </c>
    </row>
    <row r="4429" spans="1:3" x14ac:dyDescent="0.15">
      <c r="A4429" s="3">
        <v>2011412087</v>
      </c>
      <c r="B4429" s="4" t="s">
        <v>3602</v>
      </c>
      <c r="C4429" s="3" t="s">
        <v>373</v>
      </c>
    </row>
    <row r="4430" spans="1:3" x14ac:dyDescent="0.15">
      <c r="A4430" s="3">
        <v>2011411235</v>
      </c>
      <c r="B4430" s="4" t="s">
        <v>2583</v>
      </c>
      <c r="C4430" s="3" t="s">
        <v>2584</v>
      </c>
    </row>
    <row r="4431" spans="1:3" x14ac:dyDescent="0.15">
      <c r="A4431" s="3">
        <v>2011412071</v>
      </c>
      <c r="B4431" s="4" t="s">
        <v>3583</v>
      </c>
      <c r="C4431" s="3" t="s">
        <v>2584</v>
      </c>
    </row>
    <row r="4432" spans="1:3" ht="27" x14ac:dyDescent="0.15">
      <c r="A4432" s="3">
        <v>2011412038</v>
      </c>
      <c r="B4432" s="4" t="s">
        <v>3538</v>
      </c>
      <c r="C4432" s="3" t="s">
        <v>3539</v>
      </c>
    </row>
    <row r="4433" spans="1:3" ht="27" x14ac:dyDescent="0.15">
      <c r="A4433" s="3">
        <v>2008400810</v>
      </c>
      <c r="B4433" s="4" t="s">
        <v>939</v>
      </c>
      <c r="C4433" s="3" t="s">
        <v>940</v>
      </c>
    </row>
    <row r="4434" spans="1:3" ht="27" x14ac:dyDescent="0.15">
      <c r="A4434" s="3">
        <v>2011412133</v>
      </c>
      <c r="B4434" s="4" t="s">
        <v>3651</v>
      </c>
      <c r="C4434" s="3" t="s">
        <v>940</v>
      </c>
    </row>
    <row r="4435" spans="1:3" ht="27" x14ac:dyDescent="0.15">
      <c r="A4435" s="3">
        <v>2011412277</v>
      </c>
      <c r="B4435" s="4" t="s">
        <v>3813</v>
      </c>
      <c r="C4435" s="3" t="s">
        <v>940</v>
      </c>
    </row>
    <row r="4436" spans="1:3" ht="27" x14ac:dyDescent="0.15">
      <c r="A4436" s="3">
        <v>2011412209</v>
      </c>
      <c r="B4436" s="4" t="s">
        <v>3732</v>
      </c>
      <c r="C4436" s="3" t="s">
        <v>3733</v>
      </c>
    </row>
    <row r="4437" spans="1:3" x14ac:dyDescent="0.15">
      <c r="A4437" s="3">
        <v>2011410735</v>
      </c>
      <c r="B4437" s="4" t="s">
        <v>2027</v>
      </c>
      <c r="C4437" s="3" t="s">
        <v>2028</v>
      </c>
    </row>
    <row r="4438" spans="1:3" ht="27" x14ac:dyDescent="0.15">
      <c r="A4438" s="3">
        <v>2011412092</v>
      </c>
      <c r="B4438" s="4" t="s">
        <v>3608</v>
      </c>
      <c r="C4438" s="3" t="s">
        <v>2028</v>
      </c>
    </row>
    <row r="4439" spans="1:3" ht="27" x14ac:dyDescent="0.15">
      <c r="A4439" s="3">
        <v>2011412093</v>
      </c>
      <c r="B4439" s="4" t="s">
        <v>3609</v>
      </c>
      <c r="C4439" s="3" t="s">
        <v>2028</v>
      </c>
    </row>
    <row r="4440" spans="1:3" ht="27" x14ac:dyDescent="0.15">
      <c r="A4440" s="3">
        <v>2011412094</v>
      </c>
      <c r="B4440" s="4" t="s">
        <v>3610</v>
      </c>
      <c r="C4440" s="3" t="s">
        <v>2028</v>
      </c>
    </row>
    <row r="4441" spans="1:3" ht="27" x14ac:dyDescent="0.15">
      <c r="A4441" s="3">
        <v>2011412095</v>
      </c>
      <c r="B4441" s="4" t="s">
        <v>3611</v>
      </c>
      <c r="C4441" s="3" t="s">
        <v>2028</v>
      </c>
    </row>
    <row r="4442" spans="1:3" ht="27" x14ac:dyDescent="0.15">
      <c r="A4442" s="3">
        <v>2011412096</v>
      </c>
      <c r="B4442" s="4" t="s">
        <v>3612</v>
      </c>
      <c r="C4442" s="3" t="s">
        <v>2028</v>
      </c>
    </row>
    <row r="4443" spans="1:3" ht="27" x14ac:dyDescent="0.15">
      <c r="A4443" s="3">
        <v>2011412097</v>
      </c>
      <c r="B4443" s="4" t="s">
        <v>3613</v>
      </c>
      <c r="C4443" s="3" t="s">
        <v>2028</v>
      </c>
    </row>
    <row r="4444" spans="1:3" ht="27" x14ac:dyDescent="0.15">
      <c r="A4444" s="3">
        <v>2011412098</v>
      </c>
      <c r="B4444" s="4" t="s">
        <v>3614</v>
      </c>
      <c r="C4444" s="3" t="s">
        <v>2028</v>
      </c>
    </row>
    <row r="4445" spans="1:3" ht="27" x14ac:dyDescent="0.15">
      <c r="A4445" s="3">
        <v>2011412099</v>
      </c>
      <c r="B4445" s="4" t="s">
        <v>3615</v>
      </c>
      <c r="C4445" s="3" t="s">
        <v>2028</v>
      </c>
    </row>
    <row r="4446" spans="1:3" ht="27" x14ac:dyDescent="0.15">
      <c r="A4446" s="3">
        <v>2011412100</v>
      </c>
      <c r="B4446" s="4" t="s">
        <v>3610</v>
      </c>
      <c r="C4446" s="3" t="s">
        <v>2028</v>
      </c>
    </row>
    <row r="4447" spans="1:3" x14ac:dyDescent="0.15">
      <c r="A4447" s="3">
        <v>2011412101</v>
      </c>
      <c r="B4447" s="4" t="s">
        <v>3616</v>
      </c>
      <c r="C4447" s="3" t="s">
        <v>2028</v>
      </c>
    </row>
    <row r="4448" spans="1:3" ht="27" x14ac:dyDescent="0.15">
      <c r="A4448" s="3">
        <v>2011412102</v>
      </c>
      <c r="B4448" s="4" t="s">
        <v>3617</v>
      </c>
      <c r="C4448" s="3" t="s">
        <v>2028</v>
      </c>
    </row>
    <row r="4449" spans="1:3" ht="27" x14ac:dyDescent="0.15">
      <c r="A4449" s="3">
        <v>2011412103</v>
      </c>
      <c r="B4449" s="4" t="s">
        <v>3618</v>
      </c>
      <c r="C4449" s="3" t="s">
        <v>2028</v>
      </c>
    </row>
    <row r="4450" spans="1:3" x14ac:dyDescent="0.15">
      <c r="A4450" s="3">
        <v>2011412138</v>
      </c>
      <c r="B4450" s="4" t="s">
        <v>3658</v>
      </c>
      <c r="C4450" s="3" t="s">
        <v>2028</v>
      </c>
    </row>
    <row r="4451" spans="1:3" ht="27" x14ac:dyDescent="0.15">
      <c r="A4451" s="3">
        <v>2008400851</v>
      </c>
      <c r="B4451" s="4" t="s">
        <v>984</v>
      </c>
      <c r="C4451" s="3" t="s">
        <v>985</v>
      </c>
    </row>
    <row r="4452" spans="1:3" ht="27" x14ac:dyDescent="0.15">
      <c r="A4452" s="3">
        <v>2011412177</v>
      </c>
      <c r="B4452" s="4" t="s">
        <v>3697</v>
      </c>
      <c r="C4452" s="3" t="s">
        <v>985</v>
      </c>
    </row>
    <row r="4453" spans="1:3" ht="27" x14ac:dyDescent="0.15">
      <c r="A4453" s="3">
        <v>2011412178</v>
      </c>
      <c r="B4453" s="4" t="s">
        <v>3698</v>
      </c>
      <c r="C4453" s="3" t="s">
        <v>985</v>
      </c>
    </row>
    <row r="4454" spans="1:3" x14ac:dyDescent="0.15">
      <c r="A4454" s="3">
        <v>2011412179</v>
      </c>
      <c r="B4454" s="4" t="s">
        <v>3699</v>
      </c>
      <c r="C4454" s="3" t="s">
        <v>985</v>
      </c>
    </row>
    <row r="4455" spans="1:3" x14ac:dyDescent="0.15">
      <c r="A4455" s="3">
        <v>2011412180</v>
      </c>
      <c r="B4455" s="4" t="s">
        <v>3700</v>
      </c>
      <c r="C4455" s="3" t="s">
        <v>985</v>
      </c>
    </row>
    <row r="4456" spans="1:3" x14ac:dyDescent="0.15">
      <c r="A4456" s="3">
        <v>2011412181</v>
      </c>
      <c r="B4456" s="4" t="s">
        <v>3701</v>
      </c>
      <c r="C4456" s="3" t="s">
        <v>985</v>
      </c>
    </row>
    <row r="4457" spans="1:3" x14ac:dyDescent="0.15">
      <c r="A4457" s="3">
        <v>2011412183</v>
      </c>
      <c r="B4457" s="4" t="s">
        <v>3704</v>
      </c>
      <c r="C4457" s="3" t="s">
        <v>985</v>
      </c>
    </row>
    <row r="4458" spans="1:3" ht="27" x14ac:dyDescent="0.15">
      <c r="A4458" s="3">
        <v>2011412184</v>
      </c>
      <c r="B4458" s="4" t="s">
        <v>984</v>
      </c>
      <c r="C4458" s="3" t="s">
        <v>985</v>
      </c>
    </row>
    <row r="4459" spans="1:3" x14ac:dyDescent="0.15">
      <c r="A4459" s="3">
        <v>2011412211</v>
      </c>
      <c r="B4459" s="4" t="s">
        <v>3735</v>
      </c>
      <c r="C4459" s="3" t="s">
        <v>3736</v>
      </c>
    </row>
    <row r="4460" spans="1:3" x14ac:dyDescent="0.15">
      <c r="A4460" s="3">
        <v>2011412212</v>
      </c>
      <c r="B4460" s="4" t="s">
        <v>3737</v>
      </c>
      <c r="C4460" s="3" t="s">
        <v>3738</v>
      </c>
    </row>
    <row r="4461" spans="1:3" ht="27" x14ac:dyDescent="0.15">
      <c r="A4461" s="3">
        <v>2011410725</v>
      </c>
      <c r="B4461" s="4" t="s">
        <v>2013</v>
      </c>
      <c r="C4461" s="3" t="s">
        <v>2014</v>
      </c>
    </row>
    <row r="4462" spans="1:3" x14ac:dyDescent="0.15">
      <c r="A4462" s="3">
        <v>2011412236</v>
      </c>
      <c r="B4462" s="4" t="s">
        <v>3765</v>
      </c>
      <c r="C4462" s="3" t="s">
        <v>2014</v>
      </c>
    </row>
    <row r="4463" spans="1:3" ht="27" x14ac:dyDescent="0.15">
      <c r="A4463" s="3">
        <v>2011414207</v>
      </c>
      <c r="B4463" s="4" t="s">
        <v>6282</v>
      </c>
      <c r="C4463" s="3" t="s">
        <v>2014</v>
      </c>
    </row>
    <row r="4464" spans="1:3" ht="27" x14ac:dyDescent="0.15">
      <c r="A4464" s="3">
        <v>2008400852</v>
      </c>
      <c r="B4464" s="4" t="s">
        <v>986</v>
      </c>
      <c r="C4464" s="3" t="s">
        <v>987</v>
      </c>
    </row>
    <row r="4465" spans="1:3" x14ac:dyDescent="0.15">
      <c r="A4465" s="3">
        <v>2011412227</v>
      </c>
      <c r="B4465" s="4" t="s">
        <v>3753</v>
      </c>
      <c r="C4465" s="3" t="s">
        <v>987</v>
      </c>
    </row>
    <row r="4466" spans="1:3" ht="27" x14ac:dyDescent="0.15">
      <c r="A4466" s="3">
        <v>2011412229</v>
      </c>
      <c r="B4466" s="4" t="s">
        <v>3755</v>
      </c>
      <c r="C4466" s="3" t="s">
        <v>987</v>
      </c>
    </row>
    <row r="4467" spans="1:3" ht="27" x14ac:dyDescent="0.15">
      <c r="A4467" s="3">
        <v>2008400811</v>
      </c>
      <c r="B4467" s="4" t="s">
        <v>941</v>
      </c>
      <c r="C4467" s="3" t="s">
        <v>942</v>
      </c>
    </row>
    <row r="4468" spans="1:3" ht="27" x14ac:dyDescent="0.15">
      <c r="A4468" s="3">
        <v>2008400853</v>
      </c>
      <c r="B4468" s="4" t="s">
        <v>988</v>
      </c>
      <c r="C4468" s="3" t="s">
        <v>942</v>
      </c>
    </row>
    <row r="4469" spans="1:3" x14ac:dyDescent="0.15">
      <c r="A4469" s="3">
        <v>2011412148</v>
      </c>
      <c r="B4469" s="4" t="s">
        <v>3672</v>
      </c>
      <c r="C4469" s="3" t="s">
        <v>942</v>
      </c>
    </row>
    <row r="4470" spans="1:3" ht="27" x14ac:dyDescent="0.15">
      <c r="A4470" s="3">
        <v>2008400854</v>
      </c>
      <c r="B4470" s="4" t="s">
        <v>989</v>
      </c>
      <c r="C4470" s="3" t="s">
        <v>990</v>
      </c>
    </row>
    <row r="4471" spans="1:3" x14ac:dyDescent="0.15">
      <c r="A4471" s="3">
        <v>2011410153</v>
      </c>
      <c r="B4471" s="4" t="s">
        <v>1287</v>
      </c>
      <c r="C4471" s="3" t="s">
        <v>990</v>
      </c>
    </row>
    <row r="4472" spans="1:3" x14ac:dyDescent="0.15">
      <c r="A4472" s="3">
        <v>2011412153</v>
      </c>
      <c r="B4472" s="4" t="s">
        <v>3678</v>
      </c>
      <c r="C4472" s="3" t="s">
        <v>990</v>
      </c>
    </row>
    <row r="4473" spans="1:3" x14ac:dyDescent="0.15">
      <c r="A4473" s="3">
        <v>2011412154</v>
      </c>
      <c r="B4473" s="4" t="s">
        <v>3679</v>
      </c>
      <c r="C4473" s="3" t="s">
        <v>990</v>
      </c>
    </row>
    <row r="4474" spans="1:3" x14ac:dyDescent="0.15">
      <c r="A4474" s="3">
        <v>2011412155</v>
      </c>
      <c r="B4474" s="4" t="s">
        <v>3680</v>
      </c>
      <c r="C4474" s="3" t="s">
        <v>990</v>
      </c>
    </row>
    <row r="4475" spans="1:3" ht="27" x14ac:dyDescent="0.15">
      <c r="A4475" s="3">
        <v>2011412213</v>
      </c>
      <c r="B4475" s="4" t="s">
        <v>3739</v>
      </c>
      <c r="C4475" s="3" t="s">
        <v>990</v>
      </c>
    </row>
    <row r="4476" spans="1:3" ht="27" x14ac:dyDescent="0.15">
      <c r="A4476" s="3">
        <v>2011412214</v>
      </c>
      <c r="B4476" s="4" t="s">
        <v>3740</v>
      </c>
      <c r="C4476" s="3" t="s">
        <v>990</v>
      </c>
    </row>
    <row r="4477" spans="1:3" ht="27" x14ac:dyDescent="0.15">
      <c r="A4477" s="3">
        <v>2011412215</v>
      </c>
      <c r="B4477" s="4" t="s">
        <v>3741</v>
      </c>
      <c r="C4477" s="3" t="s">
        <v>990</v>
      </c>
    </row>
    <row r="4478" spans="1:3" ht="27" x14ac:dyDescent="0.15">
      <c r="A4478" s="3">
        <v>2011412216</v>
      </c>
      <c r="B4478" s="4" t="s">
        <v>3742</v>
      </c>
      <c r="C4478" s="3" t="s">
        <v>990</v>
      </c>
    </row>
    <row r="4479" spans="1:3" ht="27" x14ac:dyDescent="0.15">
      <c r="A4479" s="3">
        <v>2011412217</v>
      </c>
      <c r="B4479" s="4" t="s">
        <v>3743</v>
      </c>
      <c r="C4479" s="3" t="s">
        <v>990</v>
      </c>
    </row>
    <row r="4480" spans="1:3" ht="27" x14ac:dyDescent="0.15">
      <c r="A4480" s="3">
        <v>2011412218</v>
      </c>
      <c r="B4480" s="4" t="s">
        <v>3744</v>
      </c>
      <c r="C4480" s="3" t="s">
        <v>990</v>
      </c>
    </row>
    <row r="4481" spans="1:3" ht="27" x14ac:dyDescent="0.15">
      <c r="A4481" s="3">
        <v>2011412219</v>
      </c>
      <c r="B4481" s="4" t="s">
        <v>3745</v>
      </c>
      <c r="C4481" s="3" t="s">
        <v>990</v>
      </c>
    </row>
    <row r="4482" spans="1:3" ht="27" x14ac:dyDescent="0.15">
      <c r="A4482" s="3">
        <v>2011412220</v>
      </c>
      <c r="B4482" s="4" t="s">
        <v>3746</v>
      </c>
      <c r="C4482" s="3" t="s">
        <v>990</v>
      </c>
    </row>
    <row r="4483" spans="1:3" ht="27" x14ac:dyDescent="0.15">
      <c r="A4483" s="3">
        <v>2011412221</v>
      </c>
      <c r="B4483" s="4" t="s">
        <v>3747</v>
      </c>
      <c r="C4483" s="3" t="s">
        <v>990</v>
      </c>
    </row>
    <row r="4484" spans="1:3" ht="27" x14ac:dyDescent="0.15">
      <c r="A4484" s="3">
        <v>2011412222</v>
      </c>
      <c r="B4484" s="4" t="s">
        <v>3748</v>
      </c>
      <c r="C4484" s="3" t="s">
        <v>990</v>
      </c>
    </row>
    <row r="4485" spans="1:3" ht="27" x14ac:dyDescent="0.15">
      <c r="A4485" s="3">
        <v>2011412223</v>
      </c>
      <c r="B4485" s="4" t="s">
        <v>3749</v>
      </c>
      <c r="C4485" s="3" t="s">
        <v>990</v>
      </c>
    </row>
    <row r="4486" spans="1:3" ht="27" x14ac:dyDescent="0.15">
      <c r="A4486" s="3">
        <v>2008400393</v>
      </c>
      <c r="B4486" s="4" t="s">
        <v>471</v>
      </c>
      <c r="C4486" s="3" t="s">
        <v>472</v>
      </c>
    </row>
    <row r="4487" spans="1:3" ht="27" x14ac:dyDescent="0.15">
      <c r="A4487" s="3">
        <v>2008400394</v>
      </c>
      <c r="B4487" s="4" t="s">
        <v>473</v>
      </c>
      <c r="C4487" s="3" t="s">
        <v>472</v>
      </c>
    </row>
    <row r="4488" spans="1:3" x14ac:dyDescent="0.15">
      <c r="A4488" s="3">
        <v>2011412157</v>
      </c>
      <c r="B4488" s="4" t="s">
        <v>3683</v>
      </c>
      <c r="C4488" s="3" t="s">
        <v>472</v>
      </c>
    </row>
    <row r="4489" spans="1:3" x14ac:dyDescent="0.15">
      <c r="A4489" s="3">
        <v>2011412170</v>
      </c>
      <c r="B4489" s="4" t="s">
        <v>3688</v>
      </c>
      <c r="C4489" s="3" t="s">
        <v>472</v>
      </c>
    </row>
    <row r="4490" spans="1:3" x14ac:dyDescent="0.15">
      <c r="A4490" s="3">
        <v>2011412171</v>
      </c>
      <c r="B4490" s="4" t="s">
        <v>3689</v>
      </c>
      <c r="C4490" s="3" t="s">
        <v>472</v>
      </c>
    </row>
    <row r="4491" spans="1:3" ht="27" x14ac:dyDescent="0.15">
      <c r="A4491" s="3">
        <v>2011412262</v>
      </c>
      <c r="B4491" s="4" t="s">
        <v>3796</v>
      </c>
      <c r="C4491" s="3" t="s">
        <v>472</v>
      </c>
    </row>
    <row r="4492" spans="1:3" ht="27" x14ac:dyDescent="0.15">
      <c r="A4492" s="3">
        <v>2011412263</v>
      </c>
      <c r="B4492" s="4" t="s">
        <v>473</v>
      </c>
      <c r="C4492" s="3" t="s">
        <v>472</v>
      </c>
    </row>
    <row r="4493" spans="1:3" ht="27" x14ac:dyDescent="0.15">
      <c r="A4493" s="3">
        <v>2011412264</v>
      </c>
      <c r="B4493" s="4" t="s">
        <v>3797</v>
      </c>
      <c r="C4493" s="3" t="s">
        <v>472</v>
      </c>
    </row>
    <row r="4494" spans="1:3" ht="27" x14ac:dyDescent="0.15">
      <c r="A4494" s="3">
        <v>2011412265</v>
      </c>
      <c r="B4494" s="4" t="s">
        <v>471</v>
      </c>
      <c r="C4494" s="3" t="s">
        <v>472</v>
      </c>
    </row>
    <row r="4495" spans="1:3" ht="27" x14ac:dyDescent="0.15">
      <c r="A4495" s="3">
        <v>2011412272</v>
      </c>
      <c r="B4495" s="4" t="s">
        <v>3805</v>
      </c>
      <c r="C4495" s="3" t="s">
        <v>472</v>
      </c>
    </row>
    <row r="4496" spans="1:3" ht="27" x14ac:dyDescent="0.15">
      <c r="A4496" s="3">
        <v>2011412273</v>
      </c>
      <c r="B4496" s="4" t="s">
        <v>3806</v>
      </c>
      <c r="C4496" s="3" t="s">
        <v>3807</v>
      </c>
    </row>
    <row r="4497" spans="1:3" x14ac:dyDescent="0.15">
      <c r="A4497" s="3">
        <v>2011412274</v>
      </c>
      <c r="B4497" s="4" t="s">
        <v>3808</v>
      </c>
      <c r="C4497" s="3" t="s">
        <v>3807</v>
      </c>
    </row>
    <row r="4498" spans="1:3" x14ac:dyDescent="0.15">
      <c r="A4498" s="3">
        <v>2011414350</v>
      </c>
      <c r="B4498" s="4" t="s">
        <v>6468</v>
      </c>
      <c r="C4498" s="3" t="s">
        <v>6469</v>
      </c>
    </row>
    <row r="4499" spans="1:3" x14ac:dyDescent="0.15">
      <c r="A4499" s="3">
        <v>2011414370</v>
      </c>
      <c r="B4499" s="4" t="s">
        <v>6494</v>
      </c>
      <c r="C4499" s="3" t="s">
        <v>6469</v>
      </c>
    </row>
    <row r="4500" spans="1:3" ht="27" x14ac:dyDescent="0.15">
      <c r="A4500" s="3">
        <v>2008400322</v>
      </c>
      <c r="B4500" s="4" t="s">
        <v>384</v>
      </c>
      <c r="C4500" s="3" t="s">
        <v>385</v>
      </c>
    </row>
    <row r="4501" spans="1:3" ht="27" x14ac:dyDescent="0.15">
      <c r="A4501" s="3">
        <v>2008400323</v>
      </c>
      <c r="B4501" s="4" t="s">
        <v>386</v>
      </c>
      <c r="C4501" s="3" t="s">
        <v>385</v>
      </c>
    </row>
    <row r="4502" spans="1:3" ht="27" x14ac:dyDescent="0.15">
      <c r="A4502" s="3">
        <v>2008400324</v>
      </c>
      <c r="B4502" s="4" t="s">
        <v>387</v>
      </c>
      <c r="C4502" s="3" t="s">
        <v>385</v>
      </c>
    </row>
    <row r="4503" spans="1:3" ht="27" x14ac:dyDescent="0.15">
      <c r="A4503" s="3">
        <v>2008400812</v>
      </c>
      <c r="B4503" s="4" t="s">
        <v>943</v>
      </c>
      <c r="C4503" s="3" t="s">
        <v>385</v>
      </c>
    </row>
    <row r="4504" spans="1:3" ht="27" x14ac:dyDescent="0.15">
      <c r="A4504" s="3">
        <v>2008400813</v>
      </c>
      <c r="B4504" s="4" t="s">
        <v>944</v>
      </c>
      <c r="C4504" s="3" t="s">
        <v>385</v>
      </c>
    </row>
    <row r="4505" spans="1:3" ht="27" x14ac:dyDescent="0.15">
      <c r="A4505" s="3">
        <v>2008400814</v>
      </c>
      <c r="B4505" s="4" t="s">
        <v>386</v>
      </c>
      <c r="C4505" s="3" t="s">
        <v>385</v>
      </c>
    </row>
    <row r="4506" spans="1:3" ht="27" x14ac:dyDescent="0.15">
      <c r="A4506" s="3">
        <v>2008400815</v>
      </c>
      <c r="B4506" s="4" t="s">
        <v>387</v>
      </c>
      <c r="C4506" s="3" t="s">
        <v>385</v>
      </c>
    </row>
    <row r="4507" spans="1:3" ht="27" x14ac:dyDescent="0.15">
      <c r="A4507" s="3">
        <v>2008400816</v>
      </c>
      <c r="B4507" s="4" t="s">
        <v>945</v>
      </c>
      <c r="C4507" s="3" t="s">
        <v>385</v>
      </c>
    </row>
    <row r="4508" spans="1:3" x14ac:dyDescent="0.15">
      <c r="A4508" s="3">
        <v>2008400855</v>
      </c>
      <c r="B4508" s="4" t="s">
        <v>991</v>
      </c>
      <c r="C4508" s="3" t="s">
        <v>385</v>
      </c>
    </row>
    <row r="4509" spans="1:3" ht="27" x14ac:dyDescent="0.15">
      <c r="A4509" s="3">
        <v>2008400856</v>
      </c>
      <c r="B4509" s="4" t="s">
        <v>992</v>
      </c>
      <c r="C4509" s="3" t="s">
        <v>385</v>
      </c>
    </row>
    <row r="4510" spans="1:3" ht="27" x14ac:dyDescent="0.15">
      <c r="A4510" s="3">
        <v>2008400857</v>
      </c>
      <c r="B4510" s="4" t="s">
        <v>993</v>
      </c>
      <c r="C4510" s="3" t="s">
        <v>385</v>
      </c>
    </row>
    <row r="4511" spans="1:3" ht="27" x14ac:dyDescent="0.15">
      <c r="A4511" s="3">
        <v>2008400858</v>
      </c>
      <c r="B4511" s="4" t="s">
        <v>994</v>
      </c>
      <c r="C4511" s="3" t="s">
        <v>385</v>
      </c>
    </row>
    <row r="4512" spans="1:3" ht="27" x14ac:dyDescent="0.15">
      <c r="A4512" s="3">
        <v>2008400859</v>
      </c>
      <c r="B4512" s="4" t="s">
        <v>995</v>
      </c>
      <c r="C4512" s="3" t="s">
        <v>385</v>
      </c>
    </row>
    <row r="4513" spans="1:3" x14ac:dyDescent="0.15">
      <c r="A4513" s="3">
        <v>2011412305</v>
      </c>
      <c r="B4513" s="4" t="s">
        <v>3844</v>
      </c>
      <c r="C4513" s="3" t="s">
        <v>385</v>
      </c>
    </row>
    <row r="4514" spans="1:3" ht="27" x14ac:dyDescent="0.15">
      <c r="A4514" s="3">
        <v>2011412306</v>
      </c>
      <c r="B4514" s="4" t="s">
        <v>3845</v>
      </c>
      <c r="C4514" s="3" t="s">
        <v>385</v>
      </c>
    </row>
    <row r="4515" spans="1:3" x14ac:dyDescent="0.15">
      <c r="A4515" s="3">
        <v>2011412307</v>
      </c>
      <c r="B4515" s="4" t="s">
        <v>3846</v>
      </c>
      <c r="C4515" s="3" t="s">
        <v>385</v>
      </c>
    </row>
    <row r="4516" spans="1:3" x14ac:dyDescent="0.15">
      <c r="A4516" s="3">
        <v>2011412308</v>
      </c>
      <c r="B4516" s="4" t="s">
        <v>3847</v>
      </c>
      <c r="C4516" s="3" t="s">
        <v>385</v>
      </c>
    </row>
    <row r="4517" spans="1:3" x14ac:dyDescent="0.15">
      <c r="A4517" s="3">
        <v>2011412309</v>
      </c>
      <c r="B4517" s="4" t="s">
        <v>3847</v>
      </c>
      <c r="C4517" s="3" t="s">
        <v>385</v>
      </c>
    </row>
    <row r="4518" spans="1:3" x14ac:dyDescent="0.15">
      <c r="A4518" s="3">
        <v>2011412310</v>
      </c>
      <c r="B4518" s="4" t="s">
        <v>3848</v>
      </c>
      <c r="C4518" s="3" t="s">
        <v>385</v>
      </c>
    </row>
    <row r="4519" spans="1:3" ht="27" x14ac:dyDescent="0.15">
      <c r="A4519" s="3">
        <v>2011412311</v>
      </c>
      <c r="B4519" s="4" t="s">
        <v>3845</v>
      </c>
      <c r="C4519" s="3" t="s">
        <v>385</v>
      </c>
    </row>
    <row r="4520" spans="1:3" x14ac:dyDescent="0.15">
      <c r="A4520" s="3">
        <v>2011412312</v>
      </c>
      <c r="B4520" s="4" t="s">
        <v>3849</v>
      </c>
      <c r="C4520" s="3" t="s">
        <v>385</v>
      </c>
    </row>
    <row r="4521" spans="1:3" ht="27" x14ac:dyDescent="0.15">
      <c r="A4521" s="3">
        <v>2011412313</v>
      </c>
      <c r="B4521" s="4" t="s">
        <v>3850</v>
      </c>
      <c r="C4521" s="3" t="s">
        <v>385</v>
      </c>
    </row>
    <row r="4522" spans="1:3" ht="27" x14ac:dyDescent="0.15">
      <c r="A4522" s="3">
        <v>2011412314</v>
      </c>
      <c r="B4522" s="4" t="s">
        <v>3851</v>
      </c>
      <c r="C4522" s="3" t="s">
        <v>385</v>
      </c>
    </row>
    <row r="4523" spans="1:3" ht="27" x14ac:dyDescent="0.15">
      <c r="A4523" s="3">
        <v>2011412315</v>
      </c>
      <c r="B4523" s="4" t="s">
        <v>3852</v>
      </c>
      <c r="C4523" s="3" t="s">
        <v>385</v>
      </c>
    </row>
    <row r="4524" spans="1:3" ht="27" x14ac:dyDescent="0.15">
      <c r="A4524" s="3">
        <v>2011412316</v>
      </c>
      <c r="B4524" s="4" t="s">
        <v>3853</v>
      </c>
      <c r="C4524" s="3" t="s">
        <v>385</v>
      </c>
    </row>
    <row r="4525" spans="1:3" ht="27" x14ac:dyDescent="0.15">
      <c r="A4525" s="3">
        <v>2011412317</v>
      </c>
      <c r="B4525" s="4" t="s">
        <v>3854</v>
      </c>
      <c r="C4525" s="3" t="s">
        <v>385</v>
      </c>
    </row>
    <row r="4526" spans="1:3" ht="27" x14ac:dyDescent="0.15">
      <c r="A4526" s="3">
        <v>2011412318</v>
      </c>
      <c r="B4526" s="4" t="s">
        <v>3855</v>
      </c>
      <c r="C4526" s="3" t="s">
        <v>385</v>
      </c>
    </row>
    <row r="4527" spans="1:3" ht="27" x14ac:dyDescent="0.15">
      <c r="A4527" s="3">
        <v>2011412319</v>
      </c>
      <c r="B4527" s="4" t="s">
        <v>3856</v>
      </c>
      <c r="C4527" s="3" t="s">
        <v>385</v>
      </c>
    </row>
    <row r="4528" spans="1:3" ht="27" x14ac:dyDescent="0.15">
      <c r="A4528" s="3">
        <v>2011412320</v>
      </c>
      <c r="B4528" s="4" t="s">
        <v>3857</v>
      </c>
      <c r="C4528" s="3" t="s">
        <v>385</v>
      </c>
    </row>
    <row r="4529" spans="1:3" ht="27" x14ac:dyDescent="0.15">
      <c r="A4529" s="3">
        <v>2011412321</v>
      </c>
      <c r="B4529" s="4" t="s">
        <v>3856</v>
      </c>
      <c r="C4529" s="3" t="s">
        <v>385</v>
      </c>
    </row>
    <row r="4530" spans="1:3" ht="27" x14ac:dyDescent="0.15">
      <c r="A4530" s="3">
        <v>2011412322</v>
      </c>
      <c r="B4530" s="4" t="s">
        <v>3858</v>
      </c>
      <c r="C4530" s="3" t="s">
        <v>385</v>
      </c>
    </row>
    <row r="4531" spans="1:3" ht="27" x14ac:dyDescent="0.15">
      <c r="A4531" s="3">
        <v>2011412323</v>
      </c>
      <c r="B4531" s="4" t="s">
        <v>3859</v>
      </c>
      <c r="C4531" s="3" t="s">
        <v>385</v>
      </c>
    </row>
    <row r="4532" spans="1:3" x14ac:dyDescent="0.15">
      <c r="A4532" s="3">
        <v>2011412324</v>
      </c>
      <c r="B4532" s="4" t="s">
        <v>3860</v>
      </c>
      <c r="C4532" s="3" t="s">
        <v>385</v>
      </c>
    </row>
    <row r="4533" spans="1:3" ht="27" x14ac:dyDescent="0.15">
      <c r="A4533" s="3">
        <v>2011412325</v>
      </c>
      <c r="B4533" s="4" t="s">
        <v>3861</v>
      </c>
      <c r="C4533" s="3" t="s">
        <v>385</v>
      </c>
    </row>
    <row r="4534" spans="1:3" ht="27" x14ac:dyDescent="0.15">
      <c r="A4534" s="3">
        <v>2011412326</v>
      </c>
      <c r="B4534" s="4" t="s">
        <v>3862</v>
      </c>
      <c r="C4534" s="3" t="s">
        <v>385</v>
      </c>
    </row>
    <row r="4535" spans="1:3" ht="27" x14ac:dyDescent="0.15">
      <c r="A4535" s="3">
        <v>2011412327</v>
      </c>
      <c r="B4535" s="4" t="s">
        <v>3863</v>
      </c>
      <c r="C4535" s="3" t="s">
        <v>385</v>
      </c>
    </row>
    <row r="4536" spans="1:3" ht="27" x14ac:dyDescent="0.15">
      <c r="A4536" s="3">
        <v>2011412328</v>
      </c>
      <c r="B4536" s="4" t="s">
        <v>3864</v>
      </c>
      <c r="C4536" s="3" t="s">
        <v>385</v>
      </c>
    </row>
    <row r="4537" spans="1:3" ht="27" x14ac:dyDescent="0.15">
      <c r="A4537" s="3">
        <v>2011412329</v>
      </c>
      <c r="B4537" s="4" t="s">
        <v>3865</v>
      </c>
      <c r="C4537" s="3" t="s">
        <v>385</v>
      </c>
    </row>
    <row r="4538" spans="1:3" ht="27" x14ac:dyDescent="0.15">
      <c r="A4538" s="3">
        <v>2011412330</v>
      </c>
      <c r="B4538" s="4" t="s">
        <v>3866</v>
      </c>
      <c r="C4538" s="3" t="s">
        <v>385</v>
      </c>
    </row>
    <row r="4539" spans="1:3" ht="27" x14ac:dyDescent="0.15">
      <c r="A4539" s="3">
        <v>2011412331</v>
      </c>
      <c r="B4539" s="4" t="s">
        <v>3867</v>
      </c>
      <c r="C4539" s="3" t="s">
        <v>385</v>
      </c>
    </row>
    <row r="4540" spans="1:3" ht="27" x14ac:dyDescent="0.15">
      <c r="A4540" s="3">
        <v>2011412332</v>
      </c>
      <c r="B4540" s="4" t="s">
        <v>3868</v>
      </c>
      <c r="C4540" s="3" t="s">
        <v>385</v>
      </c>
    </row>
    <row r="4541" spans="1:3" ht="27" x14ac:dyDescent="0.15">
      <c r="A4541" s="3">
        <v>2008400326</v>
      </c>
      <c r="B4541" s="4" t="s">
        <v>390</v>
      </c>
      <c r="C4541" s="3" t="s">
        <v>391</v>
      </c>
    </row>
    <row r="4542" spans="1:3" ht="27" x14ac:dyDescent="0.15">
      <c r="A4542" s="3">
        <v>2011412349</v>
      </c>
      <c r="B4542" s="4" t="s">
        <v>3886</v>
      </c>
      <c r="C4542" s="3" t="s">
        <v>3887</v>
      </c>
    </row>
    <row r="4543" spans="1:3" ht="27" x14ac:dyDescent="0.15">
      <c r="A4543" s="3">
        <v>2011412350</v>
      </c>
      <c r="B4543" s="4" t="s">
        <v>3888</v>
      </c>
      <c r="C4543" s="3" t="s">
        <v>3887</v>
      </c>
    </row>
    <row r="4544" spans="1:3" ht="27" x14ac:dyDescent="0.15">
      <c r="A4544" s="3">
        <v>2011412371</v>
      </c>
      <c r="B4544" s="4" t="s">
        <v>3917</v>
      </c>
      <c r="C4544" s="3" t="s">
        <v>3887</v>
      </c>
    </row>
    <row r="4545" spans="1:3" x14ac:dyDescent="0.15">
      <c r="A4545" s="3">
        <v>2011412376</v>
      </c>
      <c r="B4545" s="4" t="s">
        <v>3924</v>
      </c>
      <c r="C4545" s="3" t="s">
        <v>3925</v>
      </c>
    </row>
    <row r="4546" spans="1:3" ht="27" x14ac:dyDescent="0.15">
      <c r="A4546" s="3">
        <v>2008400327</v>
      </c>
      <c r="B4546" s="4" t="s">
        <v>392</v>
      </c>
      <c r="C4546" s="3" t="s">
        <v>393</v>
      </c>
    </row>
    <row r="4547" spans="1:3" ht="27" x14ac:dyDescent="0.15">
      <c r="A4547" s="3">
        <v>2008400328</v>
      </c>
      <c r="B4547" s="4" t="s">
        <v>394</v>
      </c>
      <c r="C4547" s="3" t="s">
        <v>393</v>
      </c>
    </row>
    <row r="4548" spans="1:3" ht="27" x14ac:dyDescent="0.15">
      <c r="A4548" s="3">
        <v>2008400329</v>
      </c>
      <c r="B4548" s="4" t="s">
        <v>395</v>
      </c>
      <c r="C4548" s="3" t="s">
        <v>393</v>
      </c>
    </row>
    <row r="4549" spans="1:3" x14ac:dyDescent="0.15">
      <c r="A4549" s="3">
        <v>2008400330</v>
      </c>
      <c r="B4549" s="4" t="s">
        <v>396</v>
      </c>
      <c r="C4549" s="3" t="s">
        <v>393</v>
      </c>
    </row>
    <row r="4550" spans="1:3" ht="27" x14ac:dyDescent="0.15">
      <c r="A4550" s="3">
        <v>2008400396</v>
      </c>
      <c r="B4550" s="4" t="s">
        <v>476</v>
      </c>
      <c r="C4550" s="3" t="s">
        <v>393</v>
      </c>
    </row>
    <row r="4551" spans="1:3" x14ac:dyDescent="0.15">
      <c r="A4551" s="3">
        <v>2008400397</v>
      </c>
      <c r="B4551" s="4" t="s">
        <v>477</v>
      </c>
      <c r="C4551" s="3" t="s">
        <v>393</v>
      </c>
    </row>
    <row r="4552" spans="1:3" x14ac:dyDescent="0.15">
      <c r="A4552" s="3">
        <v>2011410050</v>
      </c>
      <c r="B4552" s="4" t="s">
        <v>1141</v>
      </c>
      <c r="C4552" s="3" t="s">
        <v>393</v>
      </c>
    </row>
    <row r="4553" spans="1:3" ht="27" x14ac:dyDescent="0.15">
      <c r="A4553" s="3">
        <v>2011412357</v>
      </c>
      <c r="B4553" s="4" t="s">
        <v>3899</v>
      </c>
      <c r="C4553" s="3" t="s">
        <v>393</v>
      </c>
    </row>
    <row r="4554" spans="1:3" x14ac:dyDescent="0.15">
      <c r="A4554" s="3">
        <v>2011412375</v>
      </c>
      <c r="B4554" s="4" t="s">
        <v>3923</v>
      </c>
      <c r="C4554" s="3" t="s">
        <v>393</v>
      </c>
    </row>
    <row r="4555" spans="1:3" ht="27" x14ac:dyDescent="0.15">
      <c r="A4555" s="3">
        <v>2011412360</v>
      </c>
      <c r="B4555" s="4" t="s">
        <v>3902</v>
      </c>
      <c r="C4555" s="3" t="s">
        <v>3903</v>
      </c>
    </row>
    <row r="4556" spans="1:3" ht="27" x14ac:dyDescent="0.15">
      <c r="A4556" s="3">
        <v>2011412361</v>
      </c>
      <c r="B4556" s="4" t="s">
        <v>3904</v>
      </c>
      <c r="C4556" s="3" t="s">
        <v>3903</v>
      </c>
    </row>
    <row r="4557" spans="1:3" ht="27" x14ac:dyDescent="0.15">
      <c r="A4557" s="3">
        <v>2011412362</v>
      </c>
      <c r="B4557" s="4" t="s">
        <v>3905</v>
      </c>
      <c r="C4557" s="3" t="s">
        <v>3903</v>
      </c>
    </row>
    <row r="4558" spans="1:3" ht="27" x14ac:dyDescent="0.15">
      <c r="A4558" s="3">
        <v>2011412377</v>
      </c>
      <c r="B4558" s="4" t="s">
        <v>3926</v>
      </c>
      <c r="C4558" s="3" t="s">
        <v>3903</v>
      </c>
    </row>
    <row r="4559" spans="1:3" ht="27" x14ac:dyDescent="0.15">
      <c r="A4559" s="3">
        <v>2011412378</v>
      </c>
      <c r="B4559" s="4" t="s">
        <v>3927</v>
      </c>
      <c r="C4559" s="3" t="s">
        <v>3903</v>
      </c>
    </row>
    <row r="4560" spans="1:3" ht="27" x14ac:dyDescent="0.15">
      <c r="A4560" s="3">
        <v>2011412363</v>
      </c>
      <c r="B4560" s="4" t="s">
        <v>3906</v>
      </c>
      <c r="C4560" s="3" t="s">
        <v>3907</v>
      </c>
    </row>
    <row r="4561" spans="1:3" x14ac:dyDescent="0.15">
      <c r="A4561" s="3">
        <v>2011412364</v>
      </c>
      <c r="B4561" s="4" t="s">
        <v>3908</v>
      </c>
      <c r="C4561" s="3" t="s">
        <v>3907</v>
      </c>
    </row>
    <row r="4562" spans="1:3" ht="27" x14ac:dyDescent="0.15">
      <c r="A4562" s="3">
        <v>2011412365</v>
      </c>
      <c r="B4562" s="4" t="s">
        <v>3909</v>
      </c>
      <c r="C4562" s="3" t="s">
        <v>3907</v>
      </c>
    </row>
    <row r="4563" spans="1:3" x14ac:dyDescent="0.15">
      <c r="A4563" s="3">
        <v>2011412381</v>
      </c>
      <c r="B4563" s="4" t="s">
        <v>3930</v>
      </c>
      <c r="C4563" s="3" t="s">
        <v>3907</v>
      </c>
    </row>
    <row r="4564" spans="1:3" x14ac:dyDescent="0.15">
      <c r="A4564" s="3">
        <v>2011412366</v>
      </c>
      <c r="B4564" s="4" t="s">
        <v>3910</v>
      </c>
      <c r="C4564" s="3" t="s">
        <v>3911</v>
      </c>
    </row>
    <row r="4565" spans="1:3" ht="27" x14ac:dyDescent="0.15">
      <c r="A4565" s="3">
        <v>2011412367</v>
      </c>
      <c r="B4565" s="4" t="s">
        <v>3912</v>
      </c>
      <c r="C4565" s="3" t="s">
        <v>3911</v>
      </c>
    </row>
    <row r="4566" spans="1:3" x14ac:dyDescent="0.15">
      <c r="A4566" s="3">
        <v>2011412382</v>
      </c>
      <c r="B4566" s="4" t="s">
        <v>3931</v>
      </c>
      <c r="C4566" s="3" t="s">
        <v>3932</v>
      </c>
    </row>
    <row r="4567" spans="1:3" x14ac:dyDescent="0.15">
      <c r="A4567" s="3">
        <v>2011412383</v>
      </c>
      <c r="B4567" s="4" t="s">
        <v>3933</v>
      </c>
      <c r="C4567" s="3" t="s">
        <v>3932</v>
      </c>
    </row>
    <row r="4568" spans="1:3" ht="40.5" x14ac:dyDescent="0.15">
      <c r="A4568" s="3">
        <v>2011412385</v>
      </c>
      <c r="B4568" s="4" t="s">
        <v>3936</v>
      </c>
      <c r="C4568" s="3" t="s">
        <v>3937</v>
      </c>
    </row>
    <row r="4569" spans="1:3" ht="27" x14ac:dyDescent="0.15">
      <c r="A4569" s="3">
        <v>2011412384</v>
      </c>
      <c r="B4569" s="4" t="s">
        <v>3934</v>
      </c>
      <c r="C4569" s="3" t="s">
        <v>3935</v>
      </c>
    </row>
    <row r="4570" spans="1:3" ht="27" x14ac:dyDescent="0.15">
      <c r="A4570" s="3">
        <v>2011412386</v>
      </c>
      <c r="B4570" s="4" t="s">
        <v>3938</v>
      </c>
      <c r="C4570" s="3" t="s">
        <v>3939</v>
      </c>
    </row>
    <row r="4571" spans="1:3" x14ac:dyDescent="0.15">
      <c r="A4571" s="3">
        <v>2011410049</v>
      </c>
      <c r="B4571" s="4" t="s">
        <v>1139</v>
      </c>
      <c r="C4571" s="3" t="s">
        <v>1140</v>
      </c>
    </row>
    <row r="4572" spans="1:3" x14ac:dyDescent="0.15">
      <c r="A4572" s="3">
        <v>2011412417</v>
      </c>
      <c r="B4572" s="4" t="s">
        <v>3981</v>
      </c>
      <c r="C4572" s="3" t="s">
        <v>3982</v>
      </c>
    </row>
    <row r="4573" spans="1:3" ht="27" x14ac:dyDescent="0.15">
      <c r="A4573" s="3">
        <v>2011412419</v>
      </c>
      <c r="B4573" s="4" t="s">
        <v>3985</v>
      </c>
      <c r="C4573" s="3" t="s">
        <v>3986</v>
      </c>
    </row>
    <row r="4574" spans="1:3" ht="27" x14ac:dyDescent="0.15">
      <c r="A4574" s="3">
        <v>2011412420</v>
      </c>
      <c r="B4574" s="4" t="s">
        <v>3987</v>
      </c>
      <c r="C4574" s="3" t="s">
        <v>3986</v>
      </c>
    </row>
    <row r="4575" spans="1:3" ht="27" x14ac:dyDescent="0.15">
      <c r="A4575" s="3">
        <v>2011412421</v>
      </c>
      <c r="B4575" s="4" t="s">
        <v>3988</v>
      </c>
      <c r="C4575" s="3" t="s">
        <v>3986</v>
      </c>
    </row>
    <row r="4576" spans="1:3" x14ac:dyDescent="0.15">
      <c r="A4576" s="3">
        <v>2011413607</v>
      </c>
      <c r="B4576" s="4" t="s">
        <v>5466</v>
      </c>
      <c r="C4576" s="3" t="s">
        <v>3986</v>
      </c>
    </row>
    <row r="4577" spans="1:3" ht="27" x14ac:dyDescent="0.15">
      <c r="A4577" s="3">
        <v>2011412422</v>
      </c>
      <c r="B4577" s="4" t="s">
        <v>3989</v>
      </c>
      <c r="C4577" s="3" t="s">
        <v>3990</v>
      </c>
    </row>
    <row r="4578" spans="1:3" ht="27" x14ac:dyDescent="0.15">
      <c r="A4578" s="3">
        <v>2011412424</v>
      </c>
      <c r="B4578" s="4" t="s">
        <v>3993</v>
      </c>
      <c r="C4578" s="3" t="s">
        <v>3994</v>
      </c>
    </row>
    <row r="4579" spans="1:3" x14ac:dyDescent="0.15">
      <c r="A4579" s="3">
        <v>2011412459</v>
      </c>
      <c r="B4579" s="4" t="s">
        <v>4053</v>
      </c>
      <c r="C4579" s="3" t="s">
        <v>4054</v>
      </c>
    </row>
    <row r="4580" spans="1:3" ht="27" x14ac:dyDescent="0.15">
      <c r="A4580" s="3">
        <v>2011412428</v>
      </c>
      <c r="B4580" s="4" t="s">
        <v>4001</v>
      </c>
      <c r="C4580" s="3" t="s">
        <v>4002</v>
      </c>
    </row>
    <row r="4581" spans="1:3" ht="27" x14ac:dyDescent="0.15">
      <c r="A4581" s="3">
        <v>2011412431</v>
      </c>
      <c r="B4581" s="4" t="s">
        <v>4007</v>
      </c>
      <c r="C4581" s="3" t="s">
        <v>4008</v>
      </c>
    </row>
    <row r="4582" spans="1:3" x14ac:dyDescent="0.15">
      <c r="A4582" s="3">
        <v>2011412461</v>
      </c>
      <c r="B4582" s="4" t="s">
        <v>4057</v>
      </c>
      <c r="C4582" s="3" t="s">
        <v>4008</v>
      </c>
    </row>
    <row r="4583" spans="1:3" ht="27" x14ac:dyDescent="0.15">
      <c r="A4583" s="3">
        <v>2008400862</v>
      </c>
      <c r="B4583" s="4" t="s">
        <v>1000</v>
      </c>
      <c r="C4583" s="3" t="s">
        <v>1001</v>
      </c>
    </row>
    <row r="4584" spans="1:3" x14ac:dyDescent="0.15">
      <c r="A4584" s="3">
        <v>2008400344</v>
      </c>
      <c r="B4584" s="4" t="s">
        <v>411</v>
      </c>
      <c r="C4584" s="3" t="s">
        <v>412</v>
      </c>
    </row>
    <row r="4585" spans="1:3" ht="27" x14ac:dyDescent="0.15">
      <c r="A4585" s="3">
        <v>2008400399</v>
      </c>
      <c r="B4585" s="4" t="s">
        <v>480</v>
      </c>
      <c r="C4585" s="3" t="s">
        <v>412</v>
      </c>
    </row>
    <row r="4586" spans="1:3" ht="27" x14ac:dyDescent="0.15">
      <c r="A4586" s="3">
        <v>2008400400</v>
      </c>
      <c r="B4586" s="4" t="s">
        <v>481</v>
      </c>
      <c r="C4586" s="3" t="s">
        <v>412</v>
      </c>
    </row>
    <row r="4587" spans="1:3" x14ac:dyDescent="0.15">
      <c r="A4587" s="3">
        <v>2011412443</v>
      </c>
      <c r="B4587" s="4" t="s">
        <v>4027</v>
      </c>
      <c r="C4587" s="3" t="s">
        <v>412</v>
      </c>
    </row>
    <row r="4588" spans="1:3" x14ac:dyDescent="0.15">
      <c r="A4588" s="3">
        <v>2011412444</v>
      </c>
      <c r="B4588" s="4" t="s">
        <v>411</v>
      </c>
      <c r="C4588" s="3" t="s">
        <v>412</v>
      </c>
    </row>
    <row r="4589" spans="1:3" x14ac:dyDescent="0.15">
      <c r="A4589" s="3">
        <v>2011412465</v>
      </c>
      <c r="B4589" s="4" t="s">
        <v>4064</v>
      </c>
      <c r="C4589" s="3" t="s">
        <v>412</v>
      </c>
    </row>
    <row r="4590" spans="1:3" x14ac:dyDescent="0.15">
      <c r="A4590" s="3">
        <v>2011412466</v>
      </c>
      <c r="B4590" s="4" t="s">
        <v>4065</v>
      </c>
      <c r="C4590" s="3" t="s">
        <v>412</v>
      </c>
    </row>
    <row r="4591" spans="1:3" ht="27" x14ac:dyDescent="0.15">
      <c r="A4591" s="3">
        <v>2011412467</v>
      </c>
      <c r="B4591" s="4" t="s">
        <v>4066</v>
      </c>
      <c r="C4591" s="3" t="s">
        <v>412</v>
      </c>
    </row>
    <row r="4592" spans="1:3" ht="27" x14ac:dyDescent="0.15">
      <c r="A4592" s="3">
        <v>2008400345</v>
      </c>
      <c r="B4592" s="4" t="s">
        <v>413</v>
      </c>
      <c r="C4592" s="3" t="s">
        <v>414</v>
      </c>
    </row>
    <row r="4593" spans="1:3" x14ac:dyDescent="0.15">
      <c r="A4593" s="3">
        <v>2011410337</v>
      </c>
      <c r="B4593" s="4" t="s">
        <v>1513</v>
      </c>
      <c r="C4593" s="3" t="s">
        <v>1514</v>
      </c>
    </row>
    <row r="4594" spans="1:3" x14ac:dyDescent="0.15">
      <c r="A4594" s="3">
        <v>2011410338</v>
      </c>
      <c r="B4594" s="4" t="s">
        <v>1515</v>
      </c>
      <c r="C4594" s="3" t="s">
        <v>1514</v>
      </c>
    </row>
    <row r="4595" spans="1:3" ht="27" x14ac:dyDescent="0.15">
      <c r="A4595" s="3">
        <v>2011412475</v>
      </c>
      <c r="B4595" s="4" t="s">
        <v>4077</v>
      </c>
      <c r="C4595" s="3" t="s">
        <v>4078</v>
      </c>
    </row>
    <row r="4596" spans="1:3" x14ac:dyDescent="0.15">
      <c r="A4596" s="3">
        <v>2011412606</v>
      </c>
      <c r="B4596" s="4" t="s">
        <v>4242</v>
      </c>
      <c r="C4596" s="3" t="s">
        <v>4243</v>
      </c>
    </row>
    <row r="4597" spans="1:3" x14ac:dyDescent="0.15">
      <c r="A4597" s="3">
        <v>2011412607</v>
      </c>
      <c r="B4597" s="4" t="s">
        <v>4244</v>
      </c>
      <c r="C4597" s="3" t="s">
        <v>4243</v>
      </c>
    </row>
    <row r="4598" spans="1:3" ht="27" x14ac:dyDescent="0.15">
      <c r="A4598" s="3">
        <v>2011412483</v>
      </c>
      <c r="B4598" s="4" t="s">
        <v>4088</v>
      </c>
      <c r="C4598" s="3" t="s">
        <v>4089</v>
      </c>
    </row>
    <row r="4599" spans="1:3" ht="27" x14ac:dyDescent="0.15">
      <c r="A4599" s="3">
        <v>2011412484</v>
      </c>
      <c r="B4599" s="4" t="s">
        <v>4088</v>
      </c>
      <c r="C4599" s="3" t="s">
        <v>4089</v>
      </c>
    </row>
    <row r="4600" spans="1:3" ht="27" x14ac:dyDescent="0.15">
      <c r="A4600" s="3">
        <v>2011414353</v>
      </c>
      <c r="B4600" s="4" t="s">
        <v>6473</v>
      </c>
      <c r="C4600" s="3" t="s">
        <v>6474</v>
      </c>
    </row>
    <row r="4601" spans="1:3" ht="27" x14ac:dyDescent="0.15">
      <c r="A4601" s="3">
        <v>2011414357</v>
      </c>
      <c r="B4601" s="4" t="s">
        <v>6479</v>
      </c>
      <c r="C4601" s="3" t="s">
        <v>6480</v>
      </c>
    </row>
    <row r="4602" spans="1:3" ht="27" x14ac:dyDescent="0.15">
      <c r="A4602" s="3">
        <v>2011414355</v>
      </c>
      <c r="B4602" s="4" t="s">
        <v>6475</v>
      </c>
      <c r="C4602" s="3" t="s">
        <v>6476</v>
      </c>
    </row>
    <row r="4603" spans="1:3" x14ac:dyDescent="0.15">
      <c r="A4603" s="3">
        <v>2011412627</v>
      </c>
      <c r="B4603" s="4" t="s">
        <v>4269</v>
      </c>
      <c r="C4603" s="3" t="s">
        <v>4270</v>
      </c>
    </row>
    <row r="4604" spans="1:3" ht="27" x14ac:dyDescent="0.15">
      <c r="A4604" s="3">
        <v>2011411103</v>
      </c>
      <c r="B4604" s="4" t="s">
        <v>2421</v>
      </c>
      <c r="C4604" s="3" t="s">
        <v>2422</v>
      </c>
    </row>
    <row r="4605" spans="1:3" ht="27" x14ac:dyDescent="0.15">
      <c r="A4605" s="3">
        <v>2011413005</v>
      </c>
      <c r="B4605" s="4" t="s">
        <v>4720</v>
      </c>
      <c r="C4605" s="3" t="s">
        <v>2422</v>
      </c>
    </row>
    <row r="4606" spans="1:3" ht="27" x14ac:dyDescent="0.15">
      <c r="A4606" s="3">
        <v>2011414354</v>
      </c>
      <c r="B4606" s="4" t="s">
        <v>2421</v>
      </c>
      <c r="C4606" s="3" t="s">
        <v>2422</v>
      </c>
    </row>
    <row r="4607" spans="1:3" ht="27" x14ac:dyDescent="0.15">
      <c r="A4607" s="3">
        <v>2011414427</v>
      </c>
      <c r="B4607" s="4" t="s">
        <v>6563</v>
      </c>
      <c r="C4607" s="3" t="s">
        <v>2422</v>
      </c>
    </row>
    <row r="4608" spans="1:3" ht="27" x14ac:dyDescent="0.15">
      <c r="A4608" s="3">
        <v>2011414356</v>
      </c>
      <c r="B4608" s="4" t="s">
        <v>6477</v>
      </c>
      <c r="C4608" s="3" t="s">
        <v>6478</v>
      </c>
    </row>
    <row r="4609" spans="1:3" ht="27" x14ac:dyDescent="0.15">
      <c r="A4609" s="3">
        <v>2011410712</v>
      </c>
      <c r="B4609" s="4" t="s">
        <v>1992</v>
      </c>
      <c r="C4609" s="3" t="s">
        <v>1993</v>
      </c>
    </row>
    <row r="4610" spans="1:3" ht="27" x14ac:dyDescent="0.15">
      <c r="A4610" s="3">
        <v>2008400817</v>
      </c>
      <c r="B4610" s="4" t="s">
        <v>946</v>
      </c>
      <c r="C4610" s="3" t="s">
        <v>947</v>
      </c>
    </row>
    <row r="4611" spans="1:3" ht="27" x14ac:dyDescent="0.15">
      <c r="A4611" s="3">
        <v>2008400818</v>
      </c>
      <c r="B4611" s="4" t="s">
        <v>948</v>
      </c>
      <c r="C4611" s="3" t="s">
        <v>947</v>
      </c>
    </row>
    <row r="4612" spans="1:3" ht="27" x14ac:dyDescent="0.15">
      <c r="A4612" s="3">
        <v>2011412522</v>
      </c>
      <c r="B4612" s="4" t="s">
        <v>4134</v>
      </c>
      <c r="C4612" s="3" t="s">
        <v>4135</v>
      </c>
    </row>
    <row r="4613" spans="1:3" ht="27" x14ac:dyDescent="0.15">
      <c r="A4613" s="3">
        <v>2011412523</v>
      </c>
      <c r="B4613" s="4" t="s">
        <v>4136</v>
      </c>
      <c r="C4613" s="3" t="s">
        <v>4135</v>
      </c>
    </row>
    <row r="4614" spans="1:3" ht="27" x14ac:dyDescent="0.15">
      <c r="A4614" s="3">
        <v>2011412524</v>
      </c>
      <c r="B4614" s="4" t="s">
        <v>4137</v>
      </c>
      <c r="C4614" s="3" t="s">
        <v>4135</v>
      </c>
    </row>
    <row r="4615" spans="1:3" x14ac:dyDescent="0.15">
      <c r="A4615" s="3">
        <v>2011412623</v>
      </c>
      <c r="B4615" s="4" t="s">
        <v>4263</v>
      </c>
      <c r="C4615" s="3" t="s">
        <v>4264</v>
      </c>
    </row>
    <row r="4616" spans="1:3" ht="27" x14ac:dyDescent="0.15">
      <c r="A4616" s="3">
        <v>2011412542</v>
      </c>
      <c r="B4616" s="4" t="s">
        <v>4158</v>
      </c>
      <c r="C4616" s="3" t="s">
        <v>4159</v>
      </c>
    </row>
    <row r="4617" spans="1:3" ht="27" x14ac:dyDescent="0.15">
      <c r="A4617" s="3">
        <v>2011412543</v>
      </c>
      <c r="B4617" s="4" t="s">
        <v>4160</v>
      </c>
      <c r="C4617" s="3" t="s">
        <v>4159</v>
      </c>
    </row>
    <row r="4618" spans="1:3" x14ac:dyDescent="0.15">
      <c r="A4618" s="3">
        <v>2011412545</v>
      </c>
      <c r="B4618" s="4" t="s">
        <v>4163</v>
      </c>
      <c r="C4618" s="3" t="s">
        <v>4159</v>
      </c>
    </row>
    <row r="4619" spans="1:3" ht="27" x14ac:dyDescent="0.15">
      <c r="A4619" s="3">
        <v>2011412546</v>
      </c>
      <c r="B4619" s="4" t="s">
        <v>4164</v>
      </c>
      <c r="C4619" s="3" t="s">
        <v>4165</v>
      </c>
    </row>
    <row r="4620" spans="1:3" ht="27" x14ac:dyDescent="0.15">
      <c r="A4620" s="3">
        <v>2011412548</v>
      </c>
      <c r="B4620" s="4" t="s">
        <v>4167</v>
      </c>
      <c r="C4620" s="3" t="s">
        <v>4168</v>
      </c>
    </row>
    <row r="4621" spans="1:3" ht="27" x14ac:dyDescent="0.15">
      <c r="A4621" s="3">
        <v>2011411063</v>
      </c>
      <c r="B4621" s="4" t="s">
        <v>2366</v>
      </c>
      <c r="C4621" s="3" t="s">
        <v>2367</v>
      </c>
    </row>
    <row r="4622" spans="1:3" ht="27" x14ac:dyDescent="0.15">
      <c r="A4622" s="3">
        <v>2008400351</v>
      </c>
      <c r="B4622" s="4" t="s">
        <v>424</v>
      </c>
      <c r="C4622" s="3" t="s">
        <v>425</v>
      </c>
    </row>
    <row r="4623" spans="1:3" ht="27" x14ac:dyDescent="0.15">
      <c r="A4623" s="3">
        <v>2011412547</v>
      </c>
      <c r="B4623" s="4" t="s">
        <v>4166</v>
      </c>
      <c r="C4623" s="3" t="s">
        <v>425</v>
      </c>
    </row>
    <row r="4624" spans="1:3" ht="27" x14ac:dyDescent="0.15">
      <c r="A4624" s="3">
        <v>2011412634</v>
      </c>
      <c r="B4624" s="4" t="s">
        <v>4280</v>
      </c>
      <c r="C4624" s="3" t="s">
        <v>425</v>
      </c>
    </row>
    <row r="4625" spans="1:3" x14ac:dyDescent="0.15">
      <c r="A4625" s="3">
        <v>2011412635</v>
      </c>
      <c r="B4625" s="4" t="s">
        <v>4281</v>
      </c>
      <c r="C4625" s="3" t="s">
        <v>425</v>
      </c>
    </row>
    <row r="4626" spans="1:3" ht="27" x14ac:dyDescent="0.15">
      <c r="A4626" s="3">
        <v>2011412572</v>
      </c>
      <c r="B4626" s="4" t="s">
        <v>4196</v>
      </c>
      <c r="C4626" s="3" t="s">
        <v>4197</v>
      </c>
    </row>
    <row r="4627" spans="1:3" ht="27" x14ac:dyDescent="0.15">
      <c r="A4627" s="3">
        <v>2011412573</v>
      </c>
      <c r="B4627" s="4" t="s">
        <v>4198</v>
      </c>
      <c r="C4627" s="3" t="s">
        <v>4197</v>
      </c>
    </row>
    <row r="4628" spans="1:3" ht="27" x14ac:dyDescent="0.15">
      <c r="A4628" s="3">
        <v>2011412588</v>
      </c>
      <c r="B4628" s="4" t="s">
        <v>4216</v>
      </c>
      <c r="C4628" s="3" t="s">
        <v>4217</v>
      </c>
    </row>
    <row r="4629" spans="1:3" ht="27" x14ac:dyDescent="0.15">
      <c r="A4629" s="3">
        <v>2011412589</v>
      </c>
      <c r="B4629" s="4" t="s">
        <v>4218</v>
      </c>
      <c r="C4629" s="3" t="s">
        <v>4217</v>
      </c>
    </row>
    <row r="4630" spans="1:3" ht="27" x14ac:dyDescent="0.15">
      <c r="A4630" s="3">
        <v>2011412590</v>
      </c>
      <c r="B4630" s="4" t="s">
        <v>4219</v>
      </c>
      <c r="C4630" s="3" t="s">
        <v>4217</v>
      </c>
    </row>
    <row r="4631" spans="1:3" ht="27" x14ac:dyDescent="0.15">
      <c r="A4631" s="3">
        <v>2011412591</v>
      </c>
      <c r="B4631" s="4" t="s">
        <v>4220</v>
      </c>
      <c r="C4631" s="3" t="s">
        <v>4217</v>
      </c>
    </row>
    <row r="4632" spans="1:3" x14ac:dyDescent="0.15">
      <c r="A4632" s="3">
        <v>2011412592</v>
      </c>
      <c r="B4632" s="4" t="s">
        <v>4221</v>
      </c>
      <c r="C4632" s="3" t="s">
        <v>4217</v>
      </c>
    </row>
    <row r="4633" spans="1:3" x14ac:dyDescent="0.15">
      <c r="A4633" s="3">
        <v>2011412593</v>
      </c>
      <c r="B4633" s="4" t="s">
        <v>4222</v>
      </c>
      <c r="C4633" s="3" t="s">
        <v>4217</v>
      </c>
    </row>
    <row r="4634" spans="1:3" x14ac:dyDescent="0.15">
      <c r="A4634" s="3">
        <v>2011412643</v>
      </c>
      <c r="B4634" s="4" t="s">
        <v>4291</v>
      </c>
      <c r="C4634" s="3" t="s">
        <v>4217</v>
      </c>
    </row>
    <row r="4635" spans="1:3" ht="27" x14ac:dyDescent="0.15">
      <c r="A4635" s="3">
        <v>2008400665</v>
      </c>
      <c r="B4635" s="4" t="s">
        <v>792</v>
      </c>
      <c r="C4635" s="3" t="s">
        <v>793</v>
      </c>
    </row>
    <row r="4636" spans="1:3" ht="27" x14ac:dyDescent="0.15">
      <c r="A4636" s="3">
        <v>2008400819</v>
      </c>
      <c r="B4636" s="4" t="s">
        <v>949</v>
      </c>
      <c r="C4636" s="3" t="s">
        <v>793</v>
      </c>
    </row>
    <row r="4637" spans="1:3" ht="27" x14ac:dyDescent="0.15">
      <c r="A4637" s="3">
        <v>2008400820</v>
      </c>
      <c r="B4637" s="4" t="s">
        <v>950</v>
      </c>
      <c r="C4637" s="3" t="s">
        <v>793</v>
      </c>
    </row>
    <row r="4638" spans="1:3" ht="27" x14ac:dyDescent="0.15">
      <c r="A4638" s="3">
        <v>2011412594</v>
      </c>
      <c r="B4638" s="4" t="s">
        <v>4223</v>
      </c>
      <c r="C4638" s="3" t="s">
        <v>793</v>
      </c>
    </row>
    <row r="4639" spans="1:3" ht="27" x14ac:dyDescent="0.15">
      <c r="A4639" s="3">
        <v>2011412596</v>
      </c>
      <c r="B4639" s="4" t="s">
        <v>4226</v>
      </c>
      <c r="C4639" s="3" t="s">
        <v>4227</v>
      </c>
    </row>
    <row r="4640" spans="1:3" ht="27" x14ac:dyDescent="0.15">
      <c r="A4640" s="3">
        <v>2011412597</v>
      </c>
      <c r="B4640" s="4" t="s">
        <v>4228</v>
      </c>
      <c r="C4640" s="3" t="s">
        <v>4227</v>
      </c>
    </row>
    <row r="4641" spans="1:3" ht="27" x14ac:dyDescent="0.15">
      <c r="A4641" s="3">
        <v>2011412598</v>
      </c>
      <c r="B4641" s="4" t="s">
        <v>4229</v>
      </c>
      <c r="C4641" s="3" t="s">
        <v>4227</v>
      </c>
    </row>
    <row r="4642" spans="1:3" x14ac:dyDescent="0.15">
      <c r="A4642" s="3">
        <v>2011412599</v>
      </c>
      <c r="B4642" s="4" t="s">
        <v>4230</v>
      </c>
      <c r="C4642" s="3" t="s">
        <v>4231</v>
      </c>
    </row>
    <row r="4643" spans="1:3" x14ac:dyDescent="0.15">
      <c r="A4643" s="3">
        <v>2011412600</v>
      </c>
      <c r="B4643" s="4" t="s">
        <v>4232</v>
      </c>
      <c r="C4643" s="3" t="s">
        <v>4231</v>
      </c>
    </row>
    <row r="4644" spans="1:3" x14ac:dyDescent="0.15">
      <c r="A4644" s="3">
        <v>2011412645</v>
      </c>
      <c r="B4644" s="4" t="s">
        <v>4294</v>
      </c>
      <c r="C4644" s="3" t="s">
        <v>4231</v>
      </c>
    </row>
    <row r="4645" spans="1:3" x14ac:dyDescent="0.15">
      <c r="A4645" s="3">
        <v>2011410052</v>
      </c>
      <c r="B4645" s="4" t="s">
        <v>1144</v>
      </c>
      <c r="C4645" s="3" t="s">
        <v>1145</v>
      </c>
    </row>
    <row r="4646" spans="1:3" x14ac:dyDescent="0.15">
      <c r="A4646" s="3">
        <v>2011412841</v>
      </c>
      <c r="B4646" s="4" t="s">
        <v>4505</v>
      </c>
      <c r="C4646" s="3" t="s">
        <v>1145</v>
      </c>
    </row>
    <row r="4647" spans="1:3" ht="27" x14ac:dyDescent="0.15">
      <c r="A4647" s="3">
        <v>2011412842</v>
      </c>
      <c r="B4647" s="4" t="s">
        <v>4506</v>
      </c>
      <c r="C4647" s="3" t="s">
        <v>1145</v>
      </c>
    </row>
    <row r="4648" spans="1:3" x14ac:dyDescent="0.15">
      <c r="A4648" s="3">
        <v>2011412843</v>
      </c>
      <c r="B4648" s="4" t="s">
        <v>4507</v>
      </c>
      <c r="C4648" s="3" t="s">
        <v>1145</v>
      </c>
    </row>
    <row r="4649" spans="1:3" x14ac:dyDescent="0.15">
      <c r="A4649" s="3">
        <v>2011412844</v>
      </c>
      <c r="B4649" s="4" t="s">
        <v>4508</v>
      </c>
      <c r="C4649" s="3" t="s">
        <v>1145</v>
      </c>
    </row>
    <row r="4650" spans="1:3" ht="27" x14ac:dyDescent="0.15">
      <c r="A4650" s="3">
        <v>2011412849</v>
      </c>
      <c r="B4650" s="4" t="s">
        <v>4512</v>
      </c>
      <c r="C4650" s="3" t="s">
        <v>1145</v>
      </c>
    </row>
    <row r="4651" spans="1:3" ht="27" x14ac:dyDescent="0.15">
      <c r="A4651" s="3">
        <v>2011412850</v>
      </c>
      <c r="B4651" s="4" t="s">
        <v>4513</v>
      </c>
      <c r="C4651" s="3" t="s">
        <v>1145</v>
      </c>
    </row>
    <row r="4652" spans="1:3" ht="40.5" x14ac:dyDescent="0.15">
      <c r="A4652" s="3">
        <v>2011413044</v>
      </c>
      <c r="B4652" s="4" t="s">
        <v>4778</v>
      </c>
      <c r="C4652" s="3" t="s">
        <v>1145</v>
      </c>
    </row>
    <row r="4653" spans="1:3" ht="27" x14ac:dyDescent="0.15">
      <c r="A4653" s="3">
        <v>2011413045</v>
      </c>
      <c r="B4653" s="4" t="s">
        <v>4779</v>
      </c>
      <c r="C4653" s="3" t="s">
        <v>1145</v>
      </c>
    </row>
    <row r="4654" spans="1:3" ht="27" x14ac:dyDescent="0.15">
      <c r="A4654" s="3">
        <v>2011413046</v>
      </c>
      <c r="B4654" s="4" t="s">
        <v>4779</v>
      </c>
      <c r="C4654" s="3" t="s">
        <v>1145</v>
      </c>
    </row>
    <row r="4655" spans="1:3" x14ac:dyDescent="0.15">
      <c r="A4655" s="3">
        <v>2011413050</v>
      </c>
      <c r="B4655" s="4" t="s">
        <v>4783</v>
      </c>
      <c r="C4655" s="3" t="s">
        <v>1145</v>
      </c>
    </row>
    <row r="4656" spans="1:3" x14ac:dyDescent="0.15">
      <c r="A4656" s="3">
        <v>2011413051</v>
      </c>
      <c r="B4656" s="4" t="s">
        <v>4784</v>
      </c>
      <c r="C4656" s="3" t="s">
        <v>1145</v>
      </c>
    </row>
    <row r="4657" spans="1:3" x14ac:dyDescent="0.15">
      <c r="A4657" s="3">
        <v>2011413458</v>
      </c>
      <c r="B4657" s="4" t="s">
        <v>5268</v>
      </c>
      <c r="C4657" s="3" t="s">
        <v>1145</v>
      </c>
    </row>
    <row r="4658" spans="1:3" x14ac:dyDescent="0.15">
      <c r="A4658" s="3">
        <v>2011413459</v>
      </c>
      <c r="B4658" s="4" t="s">
        <v>5269</v>
      </c>
      <c r="C4658" s="3" t="s">
        <v>1145</v>
      </c>
    </row>
    <row r="4659" spans="1:3" ht="27" x14ac:dyDescent="0.15">
      <c r="A4659" s="3">
        <v>2008400427</v>
      </c>
      <c r="B4659" s="4" t="s">
        <v>509</v>
      </c>
      <c r="C4659" s="3" t="s">
        <v>510</v>
      </c>
    </row>
    <row r="4660" spans="1:3" ht="27" x14ac:dyDescent="0.15">
      <c r="A4660" s="3">
        <v>2008400428</v>
      </c>
      <c r="B4660" s="4" t="s">
        <v>511</v>
      </c>
      <c r="C4660" s="3" t="s">
        <v>510</v>
      </c>
    </row>
    <row r="4661" spans="1:3" ht="27" x14ac:dyDescent="0.15">
      <c r="A4661" s="3">
        <v>2008400429</v>
      </c>
      <c r="B4661" s="4" t="s">
        <v>512</v>
      </c>
      <c r="C4661" s="3" t="s">
        <v>510</v>
      </c>
    </row>
    <row r="4662" spans="1:3" ht="27" x14ac:dyDescent="0.15">
      <c r="A4662" s="3">
        <v>2008400430</v>
      </c>
      <c r="B4662" s="4" t="s">
        <v>513</v>
      </c>
      <c r="C4662" s="3" t="s">
        <v>510</v>
      </c>
    </row>
    <row r="4663" spans="1:3" x14ac:dyDescent="0.15">
      <c r="A4663" s="3">
        <v>2008400821</v>
      </c>
      <c r="B4663" s="4" t="s">
        <v>951</v>
      </c>
      <c r="C4663" s="3" t="s">
        <v>510</v>
      </c>
    </row>
    <row r="4664" spans="1:3" x14ac:dyDescent="0.15">
      <c r="A4664" s="3">
        <v>2008400822</v>
      </c>
      <c r="B4664" s="4" t="s">
        <v>952</v>
      </c>
      <c r="C4664" s="3" t="s">
        <v>510</v>
      </c>
    </row>
    <row r="4665" spans="1:3" ht="27" x14ac:dyDescent="0.15">
      <c r="A4665" s="3">
        <v>2008400823</v>
      </c>
      <c r="B4665" s="4" t="s">
        <v>953</v>
      </c>
      <c r="C4665" s="3" t="s">
        <v>510</v>
      </c>
    </row>
    <row r="4666" spans="1:3" x14ac:dyDescent="0.15">
      <c r="A4666" s="3">
        <v>2008400824</v>
      </c>
      <c r="B4666" s="4" t="s">
        <v>954</v>
      </c>
      <c r="C4666" s="3" t="s">
        <v>510</v>
      </c>
    </row>
    <row r="4667" spans="1:3" x14ac:dyDescent="0.15">
      <c r="A4667" s="3">
        <v>2011410053</v>
      </c>
      <c r="B4667" s="4" t="s">
        <v>1146</v>
      </c>
      <c r="C4667" s="3" t="s">
        <v>510</v>
      </c>
    </row>
    <row r="4668" spans="1:3" ht="27" x14ac:dyDescent="0.15">
      <c r="A4668" s="3">
        <v>2011412689</v>
      </c>
      <c r="B4668" s="4" t="s">
        <v>4339</v>
      </c>
      <c r="C4668" s="3" t="s">
        <v>510</v>
      </c>
    </row>
    <row r="4669" spans="1:3" x14ac:dyDescent="0.15">
      <c r="A4669" s="3">
        <v>2011412690</v>
      </c>
      <c r="B4669" s="4" t="s">
        <v>4340</v>
      </c>
      <c r="C4669" s="3" t="s">
        <v>510</v>
      </c>
    </row>
    <row r="4670" spans="1:3" ht="27" x14ac:dyDescent="0.15">
      <c r="A4670" s="3">
        <v>2011412691</v>
      </c>
      <c r="B4670" s="4" t="s">
        <v>4341</v>
      </c>
      <c r="C4670" s="3" t="s">
        <v>510</v>
      </c>
    </row>
    <row r="4671" spans="1:3" ht="27" x14ac:dyDescent="0.15">
      <c r="A4671" s="3">
        <v>2011412692</v>
      </c>
      <c r="B4671" s="4" t="s">
        <v>4342</v>
      </c>
      <c r="C4671" s="3" t="s">
        <v>510</v>
      </c>
    </row>
    <row r="4672" spans="1:3" x14ac:dyDescent="0.15">
      <c r="A4672" s="3">
        <v>2011412693</v>
      </c>
      <c r="B4672" s="4" t="s">
        <v>4343</v>
      </c>
      <c r="C4672" s="3" t="s">
        <v>510</v>
      </c>
    </row>
    <row r="4673" spans="1:3" ht="27" x14ac:dyDescent="0.15">
      <c r="A4673" s="3">
        <v>2011412694</v>
      </c>
      <c r="B4673" s="4" t="s">
        <v>4344</v>
      </c>
      <c r="C4673" s="3" t="s">
        <v>510</v>
      </c>
    </row>
    <row r="4674" spans="1:3" ht="27" x14ac:dyDescent="0.15">
      <c r="A4674" s="3">
        <v>2011412695</v>
      </c>
      <c r="B4674" s="4" t="s">
        <v>4345</v>
      </c>
      <c r="C4674" s="3" t="s">
        <v>510</v>
      </c>
    </row>
    <row r="4675" spans="1:3" ht="27" x14ac:dyDescent="0.15">
      <c r="A4675" s="3">
        <v>2011412696</v>
      </c>
      <c r="B4675" s="4" t="s">
        <v>4346</v>
      </c>
      <c r="C4675" s="3" t="s">
        <v>510</v>
      </c>
    </row>
    <row r="4676" spans="1:3" ht="27" x14ac:dyDescent="0.15">
      <c r="A4676" s="3">
        <v>2011412697</v>
      </c>
      <c r="B4676" s="4" t="s">
        <v>4347</v>
      </c>
      <c r="C4676" s="3" t="s">
        <v>510</v>
      </c>
    </row>
    <row r="4677" spans="1:3" ht="27" x14ac:dyDescent="0.15">
      <c r="A4677" s="3">
        <v>2011412698</v>
      </c>
      <c r="B4677" s="4" t="s">
        <v>4347</v>
      </c>
      <c r="C4677" s="3" t="s">
        <v>510</v>
      </c>
    </row>
    <row r="4678" spans="1:3" ht="27" x14ac:dyDescent="0.15">
      <c r="A4678" s="3">
        <v>2011412699</v>
      </c>
      <c r="B4678" s="4" t="s">
        <v>4348</v>
      </c>
      <c r="C4678" s="3" t="s">
        <v>510</v>
      </c>
    </row>
    <row r="4679" spans="1:3" ht="27" x14ac:dyDescent="0.15">
      <c r="A4679" s="3">
        <v>2011412700</v>
      </c>
      <c r="B4679" s="4" t="s">
        <v>4349</v>
      </c>
      <c r="C4679" s="3" t="s">
        <v>510</v>
      </c>
    </row>
    <row r="4680" spans="1:3" x14ac:dyDescent="0.15">
      <c r="A4680" s="3">
        <v>2011412701</v>
      </c>
      <c r="B4680" s="4" t="s">
        <v>4350</v>
      </c>
      <c r="C4680" s="3" t="s">
        <v>510</v>
      </c>
    </row>
    <row r="4681" spans="1:3" ht="27" x14ac:dyDescent="0.15">
      <c r="A4681" s="3">
        <v>2011412702</v>
      </c>
      <c r="B4681" s="4" t="s">
        <v>4351</v>
      </c>
      <c r="C4681" s="3" t="s">
        <v>510</v>
      </c>
    </row>
    <row r="4682" spans="1:3" ht="27" x14ac:dyDescent="0.15">
      <c r="A4682" s="3">
        <v>2011412703</v>
      </c>
      <c r="B4682" s="4" t="s">
        <v>4352</v>
      </c>
      <c r="C4682" s="3" t="s">
        <v>510</v>
      </c>
    </row>
    <row r="4683" spans="1:3" x14ac:dyDescent="0.15">
      <c r="A4683" s="3">
        <v>2011412704</v>
      </c>
      <c r="B4683" s="4" t="s">
        <v>4353</v>
      </c>
      <c r="C4683" s="3" t="s">
        <v>510</v>
      </c>
    </row>
    <row r="4684" spans="1:3" ht="27" x14ac:dyDescent="0.15">
      <c r="A4684" s="3">
        <v>2011412705</v>
      </c>
      <c r="B4684" s="4" t="s">
        <v>4354</v>
      </c>
      <c r="C4684" s="3" t="s">
        <v>510</v>
      </c>
    </row>
    <row r="4685" spans="1:3" ht="27" x14ac:dyDescent="0.15">
      <c r="A4685" s="3">
        <v>2011412962</v>
      </c>
      <c r="B4685" s="4" t="s">
        <v>4666</v>
      </c>
      <c r="C4685" s="3" t="s">
        <v>510</v>
      </c>
    </row>
    <row r="4686" spans="1:3" ht="27" x14ac:dyDescent="0.15">
      <c r="A4686" s="3">
        <v>2011412963</v>
      </c>
      <c r="B4686" s="4" t="s">
        <v>4667</v>
      </c>
      <c r="C4686" s="3" t="s">
        <v>510</v>
      </c>
    </row>
    <row r="4687" spans="1:3" ht="27" x14ac:dyDescent="0.15">
      <c r="A4687" s="3">
        <v>2011412964</v>
      </c>
      <c r="B4687" s="4" t="s">
        <v>4668</v>
      </c>
      <c r="C4687" s="3" t="s">
        <v>510</v>
      </c>
    </row>
    <row r="4688" spans="1:3" x14ac:dyDescent="0.15">
      <c r="A4688" s="3">
        <v>2011412965</v>
      </c>
      <c r="B4688" s="4" t="s">
        <v>4669</v>
      </c>
      <c r="C4688" s="3" t="s">
        <v>510</v>
      </c>
    </row>
    <row r="4689" spans="1:3" x14ac:dyDescent="0.15">
      <c r="A4689" s="3">
        <v>2011412966</v>
      </c>
      <c r="B4689" s="4" t="s">
        <v>951</v>
      </c>
      <c r="C4689" s="3" t="s">
        <v>510</v>
      </c>
    </row>
    <row r="4690" spans="1:3" x14ac:dyDescent="0.15">
      <c r="A4690" s="3">
        <v>2011412967</v>
      </c>
      <c r="B4690" s="4" t="s">
        <v>4670</v>
      </c>
      <c r="C4690" s="3" t="s">
        <v>510</v>
      </c>
    </row>
    <row r="4691" spans="1:3" x14ac:dyDescent="0.15">
      <c r="A4691" s="3">
        <v>2011412968</v>
      </c>
      <c r="B4691" s="4" t="s">
        <v>4671</v>
      </c>
      <c r="C4691" s="3" t="s">
        <v>510</v>
      </c>
    </row>
    <row r="4692" spans="1:3" ht="27" x14ac:dyDescent="0.15">
      <c r="A4692" s="3">
        <v>2011412969</v>
      </c>
      <c r="B4692" s="4" t="s">
        <v>4672</v>
      </c>
      <c r="C4692" s="3" t="s">
        <v>510</v>
      </c>
    </row>
    <row r="4693" spans="1:3" x14ac:dyDescent="0.15">
      <c r="A4693" s="3">
        <v>2011412857</v>
      </c>
      <c r="B4693" s="4" t="s">
        <v>4520</v>
      </c>
      <c r="C4693" s="3" t="s">
        <v>4521</v>
      </c>
    </row>
    <row r="4694" spans="1:3" x14ac:dyDescent="0.15">
      <c r="A4694" s="3">
        <v>2011412858</v>
      </c>
      <c r="B4694" s="4" t="s">
        <v>4522</v>
      </c>
      <c r="C4694" s="3" t="s">
        <v>4521</v>
      </c>
    </row>
    <row r="4695" spans="1:3" x14ac:dyDescent="0.15">
      <c r="A4695" s="3">
        <v>2011412870</v>
      </c>
      <c r="B4695" s="4" t="s">
        <v>4535</v>
      </c>
      <c r="C4695" s="3" t="s">
        <v>4521</v>
      </c>
    </row>
    <row r="4696" spans="1:3" ht="27" x14ac:dyDescent="0.15">
      <c r="A4696" s="3">
        <v>2011412714</v>
      </c>
      <c r="B4696" s="4" t="s">
        <v>4362</v>
      </c>
      <c r="C4696" s="3" t="s">
        <v>4363</v>
      </c>
    </row>
    <row r="4697" spans="1:3" ht="27" x14ac:dyDescent="0.15">
      <c r="A4697" s="3">
        <v>2011412715</v>
      </c>
      <c r="B4697" s="4" t="s">
        <v>4364</v>
      </c>
      <c r="C4697" s="3" t="s">
        <v>4363</v>
      </c>
    </row>
    <row r="4698" spans="1:3" ht="27" x14ac:dyDescent="0.15">
      <c r="A4698" s="3">
        <v>2011412980</v>
      </c>
      <c r="B4698" s="4" t="s">
        <v>4680</v>
      </c>
      <c r="C4698" s="3" t="s">
        <v>4681</v>
      </c>
    </row>
    <row r="4699" spans="1:3" ht="27" x14ac:dyDescent="0.15">
      <c r="A4699" s="3">
        <v>2011412872</v>
      </c>
      <c r="B4699" s="4" t="s">
        <v>4538</v>
      </c>
      <c r="C4699" s="3" t="s">
        <v>4539</v>
      </c>
    </row>
    <row r="4700" spans="1:3" ht="27" x14ac:dyDescent="0.15">
      <c r="A4700" s="3">
        <v>2011412873</v>
      </c>
      <c r="B4700" s="4" t="s">
        <v>4540</v>
      </c>
      <c r="C4700" s="3" t="s">
        <v>4539</v>
      </c>
    </row>
    <row r="4701" spans="1:3" ht="27" x14ac:dyDescent="0.15">
      <c r="A4701" s="3">
        <v>2011412874</v>
      </c>
      <c r="B4701" s="4" t="s">
        <v>4541</v>
      </c>
      <c r="C4701" s="3" t="s">
        <v>4539</v>
      </c>
    </row>
    <row r="4702" spans="1:3" ht="27" x14ac:dyDescent="0.15">
      <c r="A4702" s="3">
        <v>2011413058</v>
      </c>
      <c r="B4702" s="4" t="s">
        <v>4793</v>
      </c>
      <c r="C4702" s="3" t="s">
        <v>4539</v>
      </c>
    </row>
    <row r="4703" spans="1:3" x14ac:dyDescent="0.15">
      <c r="A4703" s="3">
        <v>2011413059</v>
      </c>
      <c r="B4703" s="4" t="s">
        <v>4794</v>
      </c>
      <c r="C4703" s="3" t="s">
        <v>4539</v>
      </c>
    </row>
    <row r="4704" spans="1:3" ht="27" x14ac:dyDescent="0.15">
      <c r="A4704" s="3">
        <v>2008400826</v>
      </c>
      <c r="B4704" s="4" t="s">
        <v>957</v>
      </c>
      <c r="C4704" s="3" t="s">
        <v>958</v>
      </c>
    </row>
    <row r="4705" spans="1:3" ht="27" x14ac:dyDescent="0.15">
      <c r="A4705" s="3">
        <v>2008400827</v>
      </c>
      <c r="B4705" s="4" t="s">
        <v>959</v>
      </c>
      <c r="C4705" s="3" t="s">
        <v>958</v>
      </c>
    </row>
    <row r="4706" spans="1:3" ht="27" x14ac:dyDescent="0.15">
      <c r="A4706" s="3">
        <v>2008400828</v>
      </c>
      <c r="B4706" s="4" t="s">
        <v>960</v>
      </c>
      <c r="C4706" s="3" t="s">
        <v>958</v>
      </c>
    </row>
    <row r="4707" spans="1:3" ht="27" x14ac:dyDescent="0.15">
      <c r="A4707" s="3">
        <v>2008400829</v>
      </c>
      <c r="B4707" s="4" t="s">
        <v>961</v>
      </c>
      <c r="C4707" s="3" t="s">
        <v>958</v>
      </c>
    </row>
    <row r="4708" spans="1:3" ht="27" x14ac:dyDescent="0.15">
      <c r="A4708" s="3">
        <v>2008400865</v>
      </c>
      <c r="B4708" s="4" t="s">
        <v>1005</v>
      </c>
      <c r="C4708" s="3" t="s">
        <v>958</v>
      </c>
    </row>
    <row r="4709" spans="1:3" ht="27" x14ac:dyDescent="0.15">
      <c r="A4709" s="3">
        <v>2011412760</v>
      </c>
      <c r="B4709" s="4" t="s">
        <v>4417</v>
      </c>
      <c r="C4709" s="3" t="s">
        <v>958</v>
      </c>
    </row>
    <row r="4710" spans="1:3" ht="27" x14ac:dyDescent="0.15">
      <c r="A4710" s="3">
        <v>2011412782</v>
      </c>
      <c r="B4710" s="4" t="s">
        <v>4440</v>
      </c>
      <c r="C4710" s="3" t="s">
        <v>958</v>
      </c>
    </row>
    <row r="4711" spans="1:3" ht="27" x14ac:dyDescent="0.15">
      <c r="A4711" s="3">
        <v>2011412783</v>
      </c>
      <c r="B4711" s="4" t="s">
        <v>4440</v>
      </c>
      <c r="C4711" s="3" t="s">
        <v>958</v>
      </c>
    </row>
    <row r="4712" spans="1:3" x14ac:dyDescent="0.15">
      <c r="A4712" s="3">
        <v>2011412784</v>
      </c>
      <c r="B4712" s="4" t="s">
        <v>4441</v>
      </c>
      <c r="C4712" s="3" t="s">
        <v>958</v>
      </c>
    </row>
    <row r="4713" spans="1:3" ht="27" x14ac:dyDescent="0.15">
      <c r="A4713" s="3">
        <v>2011412785</v>
      </c>
      <c r="B4713" s="4" t="s">
        <v>4442</v>
      </c>
      <c r="C4713" s="3" t="s">
        <v>958</v>
      </c>
    </row>
    <row r="4714" spans="1:3" ht="27" x14ac:dyDescent="0.15">
      <c r="A4714" s="3">
        <v>2011412786</v>
      </c>
      <c r="B4714" s="4" t="s">
        <v>4443</v>
      </c>
      <c r="C4714" s="3" t="s">
        <v>958</v>
      </c>
    </row>
    <row r="4715" spans="1:3" x14ac:dyDescent="0.15">
      <c r="A4715" s="3">
        <v>2011412787</v>
      </c>
      <c r="B4715" s="4" t="s">
        <v>4444</v>
      </c>
      <c r="C4715" s="3" t="s">
        <v>958</v>
      </c>
    </row>
    <row r="4716" spans="1:3" ht="27" x14ac:dyDescent="0.15">
      <c r="A4716" s="3">
        <v>2011412788</v>
      </c>
      <c r="B4716" s="4" t="s">
        <v>4445</v>
      </c>
      <c r="C4716" s="3" t="s">
        <v>958</v>
      </c>
    </row>
    <row r="4717" spans="1:3" x14ac:dyDescent="0.15">
      <c r="A4717" s="3">
        <v>2011412789</v>
      </c>
      <c r="B4717" s="4" t="s">
        <v>4446</v>
      </c>
      <c r="C4717" s="3" t="s">
        <v>958</v>
      </c>
    </row>
    <row r="4718" spans="1:3" ht="27" x14ac:dyDescent="0.15">
      <c r="A4718" s="3">
        <v>2011412790</v>
      </c>
      <c r="B4718" s="4" t="s">
        <v>4447</v>
      </c>
      <c r="C4718" s="3" t="s">
        <v>958</v>
      </c>
    </row>
    <row r="4719" spans="1:3" x14ac:dyDescent="0.15">
      <c r="A4719" s="3">
        <v>2011412791</v>
      </c>
      <c r="B4719" s="4" t="s">
        <v>4448</v>
      </c>
      <c r="C4719" s="3" t="s">
        <v>958</v>
      </c>
    </row>
    <row r="4720" spans="1:3" ht="27" x14ac:dyDescent="0.15">
      <c r="A4720" s="3">
        <v>2011412792</v>
      </c>
      <c r="B4720" s="4" t="s">
        <v>4449</v>
      </c>
      <c r="C4720" s="3" t="s">
        <v>958</v>
      </c>
    </row>
    <row r="4721" spans="1:3" ht="27" x14ac:dyDescent="0.15">
      <c r="A4721" s="3">
        <v>2011412793</v>
      </c>
      <c r="B4721" s="4" t="s">
        <v>4450</v>
      </c>
      <c r="C4721" s="3" t="s">
        <v>958</v>
      </c>
    </row>
    <row r="4722" spans="1:3" ht="27" x14ac:dyDescent="0.15">
      <c r="A4722" s="3">
        <v>2011412794</v>
      </c>
      <c r="B4722" s="4" t="s">
        <v>4451</v>
      </c>
      <c r="C4722" s="3" t="s">
        <v>958</v>
      </c>
    </row>
    <row r="4723" spans="1:3" ht="27" x14ac:dyDescent="0.15">
      <c r="A4723" s="3">
        <v>2011412795</v>
      </c>
      <c r="B4723" s="4" t="s">
        <v>4452</v>
      </c>
      <c r="C4723" s="3" t="s">
        <v>958</v>
      </c>
    </row>
    <row r="4724" spans="1:3" ht="27" x14ac:dyDescent="0.15">
      <c r="A4724" s="3">
        <v>2011412796</v>
      </c>
      <c r="B4724" s="4" t="s">
        <v>4453</v>
      </c>
      <c r="C4724" s="3" t="s">
        <v>958</v>
      </c>
    </row>
    <row r="4725" spans="1:3" ht="27" x14ac:dyDescent="0.15">
      <c r="A4725" s="3">
        <v>2011412797</v>
      </c>
      <c r="B4725" s="4" t="s">
        <v>957</v>
      </c>
      <c r="C4725" s="3" t="s">
        <v>958</v>
      </c>
    </row>
    <row r="4726" spans="1:3" ht="27" x14ac:dyDescent="0.15">
      <c r="A4726" s="3">
        <v>2011412798</v>
      </c>
      <c r="B4726" s="4" t="s">
        <v>4454</v>
      </c>
      <c r="C4726" s="3" t="s">
        <v>958</v>
      </c>
    </row>
    <row r="4727" spans="1:3" ht="27" x14ac:dyDescent="0.15">
      <c r="A4727" s="3">
        <v>2011412799</v>
      </c>
      <c r="B4727" s="4" t="s">
        <v>4455</v>
      </c>
      <c r="C4727" s="3" t="s">
        <v>958</v>
      </c>
    </row>
    <row r="4728" spans="1:3" x14ac:dyDescent="0.15">
      <c r="A4728" s="3">
        <v>2011412995</v>
      </c>
      <c r="B4728" s="4" t="s">
        <v>4707</v>
      </c>
      <c r="C4728" s="3" t="s">
        <v>958</v>
      </c>
    </row>
    <row r="4729" spans="1:3" ht="27" x14ac:dyDescent="0.15">
      <c r="A4729" s="3">
        <v>2011412801</v>
      </c>
      <c r="B4729" s="4" t="s">
        <v>4458</v>
      </c>
      <c r="C4729" s="3" t="s">
        <v>4459</v>
      </c>
    </row>
    <row r="4730" spans="1:3" x14ac:dyDescent="0.15">
      <c r="A4730" s="3">
        <v>2011412802</v>
      </c>
      <c r="B4730" s="4" t="s">
        <v>4460</v>
      </c>
      <c r="C4730" s="3" t="s">
        <v>4459</v>
      </c>
    </row>
    <row r="4731" spans="1:3" ht="27" x14ac:dyDescent="0.15">
      <c r="A4731" s="3">
        <v>2008400437</v>
      </c>
      <c r="B4731" s="4" t="s">
        <v>523</v>
      </c>
      <c r="C4731" s="3" t="s">
        <v>524</v>
      </c>
    </row>
    <row r="4732" spans="1:3" x14ac:dyDescent="0.15">
      <c r="A4732" s="3">
        <v>2008400491</v>
      </c>
      <c r="B4732" s="4" t="s">
        <v>585</v>
      </c>
      <c r="C4732" s="3" t="s">
        <v>524</v>
      </c>
    </row>
    <row r="4733" spans="1:3" ht="27" x14ac:dyDescent="0.15">
      <c r="A4733" s="3">
        <v>2008400830</v>
      </c>
      <c r="B4733" s="4" t="s">
        <v>962</v>
      </c>
      <c r="C4733" s="3" t="s">
        <v>524</v>
      </c>
    </row>
    <row r="4734" spans="1:3" x14ac:dyDescent="0.15">
      <c r="A4734" s="3">
        <v>2011412997</v>
      </c>
      <c r="B4734" s="4" t="s">
        <v>4709</v>
      </c>
      <c r="C4734" s="3" t="s">
        <v>524</v>
      </c>
    </row>
    <row r="4735" spans="1:3" x14ac:dyDescent="0.15">
      <c r="A4735" s="3">
        <v>2011413037</v>
      </c>
      <c r="B4735" s="4" t="s">
        <v>4769</v>
      </c>
      <c r="C4735" s="3" t="s">
        <v>524</v>
      </c>
    </row>
    <row r="4736" spans="1:3" ht="27" x14ac:dyDescent="0.15">
      <c r="A4736" s="3">
        <v>2011412805</v>
      </c>
      <c r="B4736" s="4" t="s">
        <v>4464</v>
      </c>
      <c r="C4736" s="3" t="s">
        <v>4465</v>
      </c>
    </row>
    <row r="4737" spans="1:3" ht="27" x14ac:dyDescent="0.15">
      <c r="A4737" s="3">
        <v>2011412998</v>
      </c>
      <c r="B4737" s="4" t="s">
        <v>4710</v>
      </c>
      <c r="C4737" s="3" t="s">
        <v>4465</v>
      </c>
    </row>
    <row r="4738" spans="1:3" x14ac:dyDescent="0.15">
      <c r="A4738" s="3">
        <v>2011412999</v>
      </c>
      <c r="B4738" s="4" t="s">
        <v>4711</v>
      </c>
      <c r="C4738" s="3" t="s">
        <v>4465</v>
      </c>
    </row>
    <row r="4739" spans="1:3" x14ac:dyDescent="0.15">
      <c r="A4739" s="3">
        <v>2011413000</v>
      </c>
      <c r="B4739" s="4" t="s">
        <v>4712</v>
      </c>
      <c r="C4739" s="3" t="s">
        <v>4465</v>
      </c>
    </row>
    <row r="4740" spans="1:3" ht="27" x14ac:dyDescent="0.15">
      <c r="A4740" s="3">
        <v>2011412821</v>
      </c>
      <c r="B4740" s="4" t="s">
        <v>4485</v>
      </c>
      <c r="C4740" s="3" t="s">
        <v>4486</v>
      </c>
    </row>
    <row r="4741" spans="1:3" x14ac:dyDescent="0.15">
      <c r="A4741" s="3">
        <v>2011412822</v>
      </c>
      <c r="B4741" s="4" t="s">
        <v>4487</v>
      </c>
      <c r="C4741" s="3" t="s">
        <v>4486</v>
      </c>
    </row>
    <row r="4742" spans="1:3" x14ac:dyDescent="0.15">
      <c r="A4742" s="3">
        <v>2011412823</v>
      </c>
      <c r="B4742" s="4" t="s">
        <v>4488</v>
      </c>
      <c r="C4742" s="3" t="s">
        <v>4486</v>
      </c>
    </row>
    <row r="4743" spans="1:3" x14ac:dyDescent="0.15">
      <c r="A4743" s="3">
        <v>2011412824</v>
      </c>
      <c r="B4743" s="4" t="s">
        <v>4489</v>
      </c>
      <c r="C4743" s="3" t="s">
        <v>4490</v>
      </c>
    </row>
    <row r="4744" spans="1:3" ht="27" x14ac:dyDescent="0.15">
      <c r="A4744" s="3">
        <v>2011412875</v>
      </c>
      <c r="B4744" s="4" t="s">
        <v>4542</v>
      </c>
      <c r="C4744" s="3" t="s">
        <v>4543</v>
      </c>
    </row>
    <row r="4745" spans="1:3" ht="27" x14ac:dyDescent="0.15">
      <c r="A4745" s="3">
        <v>2011412877</v>
      </c>
      <c r="B4745" s="4" t="s">
        <v>4546</v>
      </c>
      <c r="C4745" s="3" t="s">
        <v>4543</v>
      </c>
    </row>
    <row r="4746" spans="1:3" x14ac:dyDescent="0.15">
      <c r="A4746" s="3">
        <v>2011413060</v>
      </c>
      <c r="B4746" s="4" t="s">
        <v>4795</v>
      </c>
      <c r="C4746" s="3" t="s">
        <v>4796</v>
      </c>
    </row>
    <row r="4747" spans="1:3" x14ac:dyDescent="0.15">
      <c r="A4747" s="3">
        <v>2011413061</v>
      </c>
      <c r="B4747" s="4" t="s">
        <v>4797</v>
      </c>
      <c r="C4747" s="3" t="s">
        <v>4796</v>
      </c>
    </row>
    <row r="4748" spans="1:3" x14ac:dyDescent="0.15">
      <c r="A4748" s="3">
        <v>2011413062</v>
      </c>
      <c r="B4748" s="4" t="s">
        <v>4798</v>
      </c>
      <c r="C4748" s="3" t="s">
        <v>4796</v>
      </c>
    </row>
    <row r="4749" spans="1:3" x14ac:dyDescent="0.15">
      <c r="A4749" s="3">
        <v>2011413063</v>
      </c>
      <c r="B4749" s="4" t="s">
        <v>4799</v>
      </c>
      <c r="C4749" s="3" t="s">
        <v>4796</v>
      </c>
    </row>
    <row r="4750" spans="1:3" x14ac:dyDescent="0.15">
      <c r="A4750" s="3">
        <v>2011413064</v>
      </c>
      <c r="B4750" s="4" t="s">
        <v>4800</v>
      </c>
      <c r="C4750" s="3" t="s">
        <v>4796</v>
      </c>
    </row>
    <row r="4751" spans="1:3" ht="27" x14ac:dyDescent="0.15">
      <c r="A4751" s="3">
        <v>2011413066</v>
      </c>
      <c r="B4751" s="4" t="s">
        <v>4803</v>
      </c>
      <c r="C4751" s="3" t="s">
        <v>4804</v>
      </c>
    </row>
    <row r="4752" spans="1:3" ht="27" x14ac:dyDescent="0.15">
      <c r="A4752" s="3">
        <v>2011413070</v>
      </c>
      <c r="B4752" s="4" t="s">
        <v>4809</v>
      </c>
      <c r="C4752" s="3" t="s">
        <v>4810</v>
      </c>
    </row>
    <row r="4753" spans="1:3" ht="27" x14ac:dyDescent="0.15">
      <c r="A4753" s="3">
        <v>2008400494</v>
      </c>
      <c r="B4753" s="4" t="s">
        <v>588</v>
      </c>
      <c r="C4753" s="3" t="s">
        <v>589</v>
      </c>
    </row>
    <row r="4754" spans="1:3" ht="27" x14ac:dyDescent="0.15">
      <c r="A4754" s="3">
        <v>2008400831</v>
      </c>
      <c r="B4754" s="4" t="s">
        <v>963</v>
      </c>
      <c r="C4754" s="3" t="s">
        <v>589</v>
      </c>
    </row>
    <row r="4755" spans="1:3" ht="27" x14ac:dyDescent="0.15">
      <c r="A4755" s="3">
        <v>2011412915</v>
      </c>
      <c r="B4755" s="4" t="s">
        <v>4592</v>
      </c>
      <c r="C4755" s="3" t="s">
        <v>589</v>
      </c>
    </row>
    <row r="4756" spans="1:3" ht="27" x14ac:dyDescent="0.15">
      <c r="A4756" s="3">
        <v>2011413069</v>
      </c>
      <c r="B4756" s="4" t="s">
        <v>4808</v>
      </c>
      <c r="C4756" s="3" t="s">
        <v>589</v>
      </c>
    </row>
    <row r="4757" spans="1:3" ht="27" x14ac:dyDescent="0.15">
      <c r="A4757" s="3">
        <v>2011412917</v>
      </c>
      <c r="B4757" s="4" t="s">
        <v>4595</v>
      </c>
      <c r="C4757" s="3" t="s">
        <v>4596</v>
      </c>
    </row>
    <row r="4758" spans="1:3" x14ac:dyDescent="0.15">
      <c r="A4758" s="3">
        <v>2011412918</v>
      </c>
      <c r="B4758" s="4" t="s">
        <v>4597</v>
      </c>
      <c r="C4758" s="3" t="s">
        <v>4598</v>
      </c>
    </row>
    <row r="4759" spans="1:3" x14ac:dyDescent="0.15">
      <c r="A4759" s="3">
        <v>2011412925</v>
      </c>
      <c r="B4759" s="4" t="s">
        <v>4610</v>
      </c>
      <c r="C4759" s="3" t="s">
        <v>4611</v>
      </c>
    </row>
    <row r="4760" spans="1:3" x14ac:dyDescent="0.15">
      <c r="A4760" s="3">
        <v>2011413003</v>
      </c>
      <c r="B4760" s="4" t="s">
        <v>4717</v>
      </c>
      <c r="C4760" s="3" t="s">
        <v>4718</v>
      </c>
    </row>
    <row r="4761" spans="1:3" x14ac:dyDescent="0.15">
      <c r="A4761" s="3">
        <v>2011413004</v>
      </c>
      <c r="B4761" s="4" t="s">
        <v>4719</v>
      </c>
      <c r="C4761" s="3" t="s">
        <v>4718</v>
      </c>
    </row>
    <row r="4762" spans="1:3" ht="27" x14ac:dyDescent="0.15">
      <c r="A4762" s="3">
        <v>2011414252</v>
      </c>
      <c r="B4762" s="4" t="s">
        <v>6344</v>
      </c>
      <c r="C4762" s="3" t="s">
        <v>6345</v>
      </c>
    </row>
    <row r="4763" spans="1:3" ht="27" x14ac:dyDescent="0.15">
      <c r="A4763" s="3">
        <v>2011412922</v>
      </c>
      <c r="B4763" s="4" t="s">
        <v>4605</v>
      </c>
      <c r="C4763" s="3" t="s">
        <v>4606</v>
      </c>
    </row>
    <row r="4764" spans="1:3" ht="27" x14ac:dyDescent="0.15">
      <c r="A4764" s="3">
        <v>2011412921</v>
      </c>
      <c r="B4764" s="4" t="s">
        <v>4603</v>
      </c>
      <c r="C4764" s="3" t="s">
        <v>4604</v>
      </c>
    </row>
    <row r="4765" spans="1:3" x14ac:dyDescent="0.15">
      <c r="A4765" s="3">
        <v>2011412926</v>
      </c>
      <c r="B4765" s="4" t="s">
        <v>4612</v>
      </c>
      <c r="C4765" s="3" t="s">
        <v>4613</v>
      </c>
    </row>
    <row r="4766" spans="1:3" ht="27" x14ac:dyDescent="0.15">
      <c r="A4766" s="3">
        <v>2011412930</v>
      </c>
      <c r="B4766" s="4" t="s">
        <v>4618</v>
      </c>
      <c r="C4766" s="3" t="s">
        <v>4619</v>
      </c>
    </row>
    <row r="4767" spans="1:3" ht="27" x14ac:dyDescent="0.15">
      <c r="A4767" s="3">
        <v>2011412931</v>
      </c>
      <c r="B4767" s="4" t="s">
        <v>4620</v>
      </c>
      <c r="C4767" s="3" t="s">
        <v>4619</v>
      </c>
    </row>
    <row r="4768" spans="1:3" ht="27" x14ac:dyDescent="0.15">
      <c r="A4768" s="3">
        <v>2011412932</v>
      </c>
      <c r="B4768" s="4" t="s">
        <v>4621</v>
      </c>
      <c r="C4768" s="3" t="s">
        <v>4619</v>
      </c>
    </row>
    <row r="4769" spans="1:3" ht="40.5" x14ac:dyDescent="0.15">
      <c r="A4769" s="3">
        <v>2008400443</v>
      </c>
      <c r="B4769" s="4" t="s">
        <v>531</v>
      </c>
      <c r="C4769" s="3" t="s">
        <v>532</v>
      </c>
    </row>
    <row r="4770" spans="1:3" ht="27" x14ac:dyDescent="0.15">
      <c r="A4770" s="3">
        <v>2008400444</v>
      </c>
      <c r="B4770" s="4" t="s">
        <v>533</v>
      </c>
      <c r="C4770" s="3" t="s">
        <v>532</v>
      </c>
    </row>
    <row r="4771" spans="1:3" ht="27" x14ac:dyDescent="0.15">
      <c r="A4771" s="3">
        <v>2011412940</v>
      </c>
      <c r="B4771" s="4" t="s">
        <v>4631</v>
      </c>
      <c r="C4771" s="3" t="s">
        <v>532</v>
      </c>
    </row>
    <row r="4772" spans="1:3" ht="27" x14ac:dyDescent="0.15">
      <c r="A4772" s="3">
        <v>2011412942</v>
      </c>
      <c r="B4772" s="4" t="s">
        <v>4634</v>
      </c>
      <c r="C4772" s="3" t="s">
        <v>4635</v>
      </c>
    </row>
    <row r="4773" spans="1:3" ht="27" x14ac:dyDescent="0.15">
      <c r="A4773" s="3">
        <v>2011412943</v>
      </c>
      <c r="B4773" s="4" t="s">
        <v>4636</v>
      </c>
      <c r="C4773" s="3" t="s">
        <v>4635</v>
      </c>
    </row>
    <row r="4774" spans="1:3" ht="27" x14ac:dyDescent="0.15">
      <c r="A4774" s="3">
        <v>2011412944</v>
      </c>
      <c r="B4774" s="4" t="s">
        <v>4637</v>
      </c>
      <c r="C4774" s="3" t="s">
        <v>4635</v>
      </c>
    </row>
    <row r="4775" spans="1:3" ht="27" x14ac:dyDescent="0.15">
      <c r="A4775" s="3">
        <v>2011413008</v>
      </c>
      <c r="B4775" s="4" t="s">
        <v>4724</v>
      </c>
      <c r="C4775" s="3" t="s">
        <v>4635</v>
      </c>
    </row>
    <row r="4776" spans="1:3" x14ac:dyDescent="0.15">
      <c r="A4776" s="3">
        <v>2011413009</v>
      </c>
      <c r="B4776" s="4" t="s">
        <v>4725</v>
      </c>
      <c r="C4776" s="3" t="s">
        <v>4635</v>
      </c>
    </row>
    <row r="4777" spans="1:3" ht="27" x14ac:dyDescent="0.15">
      <c r="A4777" s="3">
        <v>2011412945</v>
      </c>
      <c r="B4777" s="4" t="s">
        <v>4638</v>
      </c>
      <c r="C4777" s="3" t="s">
        <v>4639</v>
      </c>
    </row>
    <row r="4778" spans="1:3" ht="27" x14ac:dyDescent="0.15">
      <c r="A4778" s="3">
        <v>2011412947</v>
      </c>
      <c r="B4778" s="4" t="s">
        <v>4642</v>
      </c>
      <c r="C4778" s="3" t="s">
        <v>4643</v>
      </c>
    </row>
    <row r="4779" spans="1:3" ht="27" x14ac:dyDescent="0.15">
      <c r="A4779" s="3">
        <v>2011412948</v>
      </c>
      <c r="B4779" s="4" t="s">
        <v>4642</v>
      </c>
      <c r="C4779" s="3" t="s">
        <v>4643</v>
      </c>
    </row>
    <row r="4780" spans="1:3" ht="27" x14ac:dyDescent="0.15">
      <c r="A4780" s="3">
        <v>2011412949</v>
      </c>
      <c r="B4780" s="4" t="s">
        <v>4644</v>
      </c>
      <c r="C4780" s="3" t="s">
        <v>4643</v>
      </c>
    </row>
    <row r="4781" spans="1:3" ht="27" x14ac:dyDescent="0.15">
      <c r="A4781" s="3">
        <v>2011412950</v>
      </c>
      <c r="B4781" s="4" t="s">
        <v>4645</v>
      </c>
      <c r="C4781" s="3" t="s">
        <v>4643</v>
      </c>
    </row>
    <row r="4782" spans="1:3" ht="27" x14ac:dyDescent="0.15">
      <c r="A4782" s="3">
        <v>2011412951</v>
      </c>
      <c r="B4782" s="4" t="s">
        <v>4646</v>
      </c>
      <c r="C4782" s="3" t="s">
        <v>4647</v>
      </c>
    </row>
    <row r="4783" spans="1:3" ht="27" x14ac:dyDescent="0.15">
      <c r="A4783" s="3">
        <v>2011412954</v>
      </c>
      <c r="B4783" s="4" t="s">
        <v>4652</v>
      </c>
      <c r="C4783" s="3" t="s">
        <v>4653</v>
      </c>
    </row>
    <row r="4784" spans="1:3" x14ac:dyDescent="0.15">
      <c r="A4784" s="3">
        <v>2011412955</v>
      </c>
      <c r="B4784" s="4" t="s">
        <v>4654</v>
      </c>
      <c r="C4784" s="3" t="s">
        <v>4653</v>
      </c>
    </row>
    <row r="4785" spans="1:3" ht="27" x14ac:dyDescent="0.15">
      <c r="A4785" s="3">
        <v>2011413014</v>
      </c>
      <c r="B4785" s="4" t="s">
        <v>4733</v>
      </c>
      <c r="C4785" s="3" t="s">
        <v>4653</v>
      </c>
    </row>
    <row r="4786" spans="1:3" x14ac:dyDescent="0.15">
      <c r="A4786" s="3">
        <v>2011413015</v>
      </c>
      <c r="B4786" s="4" t="s">
        <v>4734</v>
      </c>
      <c r="C4786" s="3" t="s">
        <v>4653</v>
      </c>
    </row>
    <row r="4787" spans="1:3" x14ac:dyDescent="0.15">
      <c r="A4787" s="3">
        <v>2011413019</v>
      </c>
      <c r="B4787" s="4" t="s">
        <v>4741</v>
      </c>
      <c r="C4787" s="3" t="s">
        <v>4742</v>
      </c>
    </row>
    <row r="4788" spans="1:3" ht="27" x14ac:dyDescent="0.15">
      <c r="A4788" s="3">
        <v>2011413020</v>
      </c>
      <c r="B4788" s="4" t="s">
        <v>4743</v>
      </c>
      <c r="C4788" s="3" t="s">
        <v>4744</v>
      </c>
    </row>
    <row r="4789" spans="1:3" ht="27" x14ac:dyDescent="0.15">
      <c r="A4789" s="3">
        <v>2011413021</v>
      </c>
      <c r="B4789" s="4" t="s">
        <v>4745</v>
      </c>
      <c r="C4789" s="3" t="s">
        <v>4746</v>
      </c>
    </row>
    <row r="4790" spans="1:3" x14ac:dyDescent="0.15">
      <c r="A4790" s="3">
        <v>2011413074</v>
      </c>
      <c r="B4790" s="4" t="s">
        <v>4815</v>
      </c>
      <c r="C4790" s="3" t="s">
        <v>4746</v>
      </c>
    </row>
    <row r="4791" spans="1:3" x14ac:dyDescent="0.15">
      <c r="A4791" s="3">
        <v>2011413022</v>
      </c>
      <c r="B4791" s="4" t="s">
        <v>4747</v>
      </c>
      <c r="C4791" s="3" t="s">
        <v>4748</v>
      </c>
    </row>
    <row r="4792" spans="1:3" x14ac:dyDescent="0.15">
      <c r="A4792" s="3">
        <v>2011413023</v>
      </c>
      <c r="B4792" s="4" t="s">
        <v>4749</v>
      </c>
      <c r="C4792" s="3" t="s">
        <v>4750</v>
      </c>
    </row>
    <row r="4793" spans="1:3" x14ac:dyDescent="0.15">
      <c r="A4793" s="3">
        <v>2011413082</v>
      </c>
      <c r="B4793" s="4" t="s">
        <v>4829</v>
      </c>
      <c r="C4793" s="3" t="s">
        <v>4830</v>
      </c>
    </row>
    <row r="4794" spans="1:3" ht="27" x14ac:dyDescent="0.15">
      <c r="A4794" s="3">
        <v>2011413085</v>
      </c>
      <c r="B4794" s="4" t="s">
        <v>4834</v>
      </c>
      <c r="C4794" s="3" t="s">
        <v>4830</v>
      </c>
    </row>
    <row r="4795" spans="1:3" ht="27" x14ac:dyDescent="0.15">
      <c r="A4795" s="3">
        <v>2011413087</v>
      </c>
      <c r="B4795" s="4" t="s">
        <v>4837</v>
      </c>
      <c r="C4795" s="3" t="s">
        <v>4838</v>
      </c>
    </row>
    <row r="4796" spans="1:3" ht="27" x14ac:dyDescent="0.15">
      <c r="A4796" s="3">
        <v>2011413088</v>
      </c>
      <c r="B4796" s="4" t="s">
        <v>4837</v>
      </c>
      <c r="C4796" s="3" t="s">
        <v>4838</v>
      </c>
    </row>
    <row r="4797" spans="1:3" ht="27" x14ac:dyDescent="0.15">
      <c r="A4797" s="3">
        <v>2011413089</v>
      </c>
      <c r="B4797" s="4" t="s">
        <v>4839</v>
      </c>
      <c r="C4797" s="3" t="s">
        <v>4838</v>
      </c>
    </row>
    <row r="4798" spans="1:3" ht="27" x14ac:dyDescent="0.15">
      <c r="A4798" s="3">
        <v>2011413090</v>
      </c>
      <c r="B4798" s="4" t="s">
        <v>4839</v>
      </c>
      <c r="C4798" s="3" t="s">
        <v>4838</v>
      </c>
    </row>
    <row r="4799" spans="1:3" ht="27" x14ac:dyDescent="0.15">
      <c r="A4799" s="3">
        <v>2011413091</v>
      </c>
      <c r="B4799" s="4" t="s">
        <v>4839</v>
      </c>
      <c r="C4799" s="3" t="s">
        <v>4838</v>
      </c>
    </row>
    <row r="4800" spans="1:3" x14ac:dyDescent="0.15">
      <c r="A4800" s="3">
        <v>2011413096</v>
      </c>
      <c r="B4800" s="4" t="s">
        <v>4847</v>
      </c>
      <c r="C4800" s="3" t="s">
        <v>4838</v>
      </c>
    </row>
    <row r="4801" spans="1:3" ht="27" x14ac:dyDescent="0.15">
      <c r="A4801" s="3">
        <v>2008400833</v>
      </c>
      <c r="B4801" s="4" t="s">
        <v>966</v>
      </c>
      <c r="C4801" s="3" t="s">
        <v>967</v>
      </c>
    </row>
    <row r="4802" spans="1:3" ht="27" x14ac:dyDescent="0.15">
      <c r="A4802" s="3">
        <v>2008400834</v>
      </c>
      <c r="B4802" s="4" t="s">
        <v>968</v>
      </c>
      <c r="C4802" s="3" t="s">
        <v>967</v>
      </c>
    </row>
    <row r="4803" spans="1:3" x14ac:dyDescent="0.15">
      <c r="A4803" s="3">
        <v>2008400835</v>
      </c>
      <c r="B4803" s="4" t="s">
        <v>969</v>
      </c>
      <c r="C4803" s="3" t="s">
        <v>967</v>
      </c>
    </row>
    <row r="4804" spans="1:3" ht="27" x14ac:dyDescent="0.15">
      <c r="A4804" s="3">
        <v>2011413098</v>
      </c>
      <c r="B4804" s="4" t="s">
        <v>4850</v>
      </c>
      <c r="C4804" s="3" t="s">
        <v>967</v>
      </c>
    </row>
    <row r="4805" spans="1:3" ht="27" x14ac:dyDescent="0.15">
      <c r="A4805" s="3">
        <v>2011413099</v>
      </c>
      <c r="B4805" s="4" t="s">
        <v>4851</v>
      </c>
      <c r="C4805" s="3" t="s">
        <v>967</v>
      </c>
    </row>
    <row r="4806" spans="1:3" x14ac:dyDescent="0.15">
      <c r="A4806" s="3">
        <v>2011413111</v>
      </c>
      <c r="B4806" s="4" t="s">
        <v>4870</v>
      </c>
      <c r="C4806" s="3" t="s">
        <v>4871</v>
      </c>
    </row>
    <row r="4807" spans="1:3" ht="27" x14ac:dyDescent="0.15">
      <c r="A4807" s="3">
        <v>2011413112</v>
      </c>
      <c r="B4807" s="4" t="s">
        <v>4872</v>
      </c>
      <c r="C4807" s="3" t="s">
        <v>4873</v>
      </c>
    </row>
    <row r="4808" spans="1:3" ht="27" x14ac:dyDescent="0.15">
      <c r="A4808" s="3">
        <v>2011413113</v>
      </c>
      <c r="B4808" s="4" t="s">
        <v>4874</v>
      </c>
      <c r="C4808" s="3" t="s">
        <v>4873</v>
      </c>
    </row>
    <row r="4809" spans="1:3" ht="27" x14ac:dyDescent="0.15">
      <c r="A4809" s="3">
        <v>2011413186</v>
      </c>
      <c r="B4809" s="4" t="s">
        <v>4974</v>
      </c>
      <c r="C4809" s="3" t="s">
        <v>4975</v>
      </c>
    </row>
    <row r="4810" spans="1:3" ht="27" x14ac:dyDescent="0.15">
      <c r="A4810" s="3">
        <v>2011413125</v>
      </c>
      <c r="B4810" s="4" t="s">
        <v>4890</v>
      </c>
      <c r="C4810" s="3" t="s">
        <v>4891</v>
      </c>
    </row>
    <row r="4811" spans="1:3" ht="27" x14ac:dyDescent="0.15">
      <c r="A4811" s="3">
        <v>2011413126</v>
      </c>
      <c r="B4811" s="4" t="s">
        <v>4892</v>
      </c>
      <c r="C4811" s="3" t="s">
        <v>4891</v>
      </c>
    </row>
    <row r="4812" spans="1:3" ht="27" x14ac:dyDescent="0.15">
      <c r="A4812" s="3">
        <v>2011413127</v>
      </c>
      <c r="B4812" s="4" t="s">
        <v>4893</v>
      </c>
      <c r="C4812" s="3" t="s">
        <v>4894</v>
      </c>
    </row>
    <row r="4813" spans="1:3" ht="27" x14ac:dyDescent="0.15">
      <c r="A4813" s="3">
        <v>2011413128</v>
      </c>
      <c r="B4813" s="4" t="s">
        <v>4895</v>
      </c>
      <c r="C4813" s="3" t="s">
        <v>4894</v>
      </c>
    </row>
    <row r="4814" spans="1:3" ht="27" x14ac:dyDescent="0.15">
      <c r="A4814" s="3">
        <v>2011413129</v>
      </c>
      <c r="B4814" s="4" t="s">
        <v>4896</v>
      </c>
      <c r="C4814" s="3" t="s">
        <v>4894</v>
      </c>
    </row>
    <row r="4815" spans="1:3" x14ac:dyDescent="0.15">
      <c r="A4815" s="3">
        <v>2011413130</v>
      </c>
      <c r="B4815" s="4" t="s">
        <v>4897</v>
      </c>
      <c r="C4815" s="3" t="s">
        <v>4894</v>
      </c>
    </row>
    <row r="4816" spans="1:3" ht="27" x14ac:dyDescent="0.15">
      <c r="A4816" s="3">
        <v>2011413193</v>
      </c>
      <c r="B4816" s="4" t="s">
        <v>4982</v>
      </c>
      <c r="C4816" s="3" t="s">
        <v>4894</v>
      </c>
    </row>
    <row r="4817" spans="1:3" ht="27" x14ac:dyDescent="0.15">
      <c r="A4817" s="3">
        <v>2011413139</v>
      </c>
      <c r="B4817" s="4" t="s">
        <v>4906</v>
      </c>
      <c r="C4817" s="3" t="s">
        <v>4907</v>
      </c>
    </row>
    <row r="4818" spans="1:3" ht="27" x14ac:dyDescent="0.15">
      <c r="A4818" s="3">
        <v>2011413140</v>
      </c>
      <c r="B4818" s="4" t="s">
        <v>4908</v>
      </c>
      <c r="C4818" s="3" t="s">
        <v>4907</v>
      </c>
    </row>
    <row r="4819" spans="1:3" ht="27" x14ac:dyDescent="0.15">
      <c r="A4819" s="3">
        <v>2011413143</v>
      </c>
      <c r="B4819" s="4" t="s">
        <v>4913</v>
      </c>
      <c r="C4819" s="3" t="s">
        <v>4914</v>
      </c>
    </row>
    <row r="4820" spans="1:3" x14ac:dyDescent="0.15">
      <c r="A4820" s="3">
        <v>2011413145</v>
      </c>
      <c r="B4820" s="4" t="s">
        <v>4916</v>
      </c>
      <c r="C4820" s="3" t="s">
        <v>4917</v>
      </c>
    </row>
    <row r="4821" spans="1:3" ht="27" x14ac:dyDescent="0.15">
      <c r="A4821" s="3">
        <v>2011413146</v>
      </c>
      <c r="B4821" s="4" t="s">
        <v>4918</v>
      </c>
      <c r="C4821" s="3" t="s">
        <v>4917</v>
      </c>
    </row>
    <row r="4822" spans="1:3" x14ac:dyDescent="0.15">
      <c r="A4822" s="3">
        <v>2011413147</v>
      </c>
      <c r="B4822" s="4" t="s">
        <v>4919</v>
      </c>
      <c r="C4822" s="3" t="s">
        <v>4917</v>
      </c>
    </row>
    <row r="4823" spans="1:3" ht="27" x14ac:dyDescent="0.15">
      <c r="A4823" s="3">
        <v>2011413148</v>
      </c>
      <c r="B4823" s="4" t="s">
        <v>4920</v>
      </c>
      <c r="C4823" s="3" t="s">
        <v>4917</v>
      </c>
    </row>
    <row r="4824" spans="1:3" ht="27" x14ac:dyDescent="0.15">
      <c r="A4824" s="3">
        <v>2008400448</v>
      </c>
      <c r="B4824" s="4" t="s">
        <v>539</v>
      </c>
      <c r="C4824" s="3" t="s">
        <v>540</v>
      </c>
    </row>
    <row r="4825" spans="1:3" ht="27" x14ac:dyDescent="0.15">
      <c r="A4825" s="3">
        <v>2008400449</v>
      </c>
      <c r="B4825" s="4" t="s">
        <v>541</v>
      </c>
      <c r="C4825" s="3" t="s">
        <v>540</v>
      </c>
    </row>
    <row r="4826" spans="1:3" ht="27" x14ac:dyDescent="0.15">
      <c r="A4826" s="3">
        <v>2008400498</v>
      </c>
      <c r="B4826" s="4" t="s">
        <v>596</v>
      </c>
      <c r="C4826" s="3" t="s">
        <v>540</v>
      </c>
    </row>
    <row r="4827" spans="1:3" ht="40.5" x14ac:dyDescent="0.15">
      <c r="A4827" s="3">
        <v>2008400836</v>
      </c>
      <c r="B4827" s="4" t="s">
        <v>970</v>
      </c>
      <c r="C4827" s="3" t="s">
        <v>540</v>
      </c>
    </row>
    <row r="4828" spans="1:3" ht="27" x14ac:dyDescent="0.15">
      <c r="A4828" s="3">
        <v>2008400868</v>
      </c>
      <c r="B4828" s="4" t="s">
        <v>1010</v>
      </c>
      <c r="C4828" s="3" t="s">
        <v>540</v>
      </c>
    </row>
    <row r="4829" spans="1:3" ht="27" x14ac:dyDescent="0.15">
      <c r="A4829" s="3">
        <v>2011413152</v>
      </c>
      <c r="B4829" s="4" t="s">
        <v>4926</v>
      </c>
      <c r="C4829" s="3" t="s">
        <v>4927</v>
      </c>
    </row>
    <row r="4830" spans="1:3" ht="27" x14ac:dyDescent="0.15">
      <c r="A4830" s="3">
        <v>2011413159</v>
      </c>
      <c r="B4830" s="4" t="s">
        <v>4939</v>
      </c>
      <c r="C4830" s="3" t="s">
        <v>4940</v>
      </c>
    </row>
    <row r="4831" spans="1:3" ht="27" x14ac:dyDescent="0.15">
      <c r="A4831" s="3">
        <v>2011413160</v>
      </c>
      <c r="B4831" s="4" t="s">
        <v>4939</v>
      </c>
      <c r="C4831" s="3" t="s">
        <v>4940</v>
      </c>
    </row>
    <row r="4832" spans="1:3" x14ac:dyDescent="0.15">
      <c r="A4832" s="3">
        <v>2011413211</v>
      </c>
      <c r="B4832" s="4" t="s">
        <v>5010</v>
      </c>
      <c r="C4832" s="3" t="s">
        <v>5011</v>
      </c>
    </row>
    <row r="4833" spans="1:3" ht="27" x14ac:dyDescent="0.15">
      <c r="A4833" s="3">
        <v>2011413212</v>
      </c>
      <c r="B4833" s="4" t="s">
        <v>5012</v>
      </c>
      <c r="C4833" s="3" t="s">
        <v>5011</v>
      </c>
    </row>
    <row r="4834" spans="1:3" ht="27" x14ac:dyDescent="0.15">
      <c r="A4834" s="3">
        <v>2008400450</v>
      </c>
      <c r="B4834" s="4" t="s">
        <v>542</v>
      </c>
      <c r="C4834" s="3" t="s">
        <v>543</v>
      </c>
    </row>
    <row r="4835" spans="1:3" ht="27" x14ac:dyDescent="0.15">
      <c r="A4835" s="3">
        <v>2011413163</v>
      </c>
      <c r="B4835" s="4" t="s">
        <v>4945</v>
      </c>
      <c r="C4835" s="3" t="s">
        <v>543</v>
      </c>
    </row>
    <row r="4836" spans="1:3" ht="27" x14ac:dyDescent="0.15">
      <c r="A4836" s="3">
        <v>2011413177</v>
      </c>
      <c r="B4836" s="4" t="s">
        <v>4961</v>
      </c>
      <c r="C4836" s="3" t="s">
        <v>4962</v>
      </c>
    </row>
    <row r="4837" spans="1:3" ht="27" x14ac:dyDescent="0.15">
      <c r="A4837" s="3">
        <v>2011413178</v>
      </c>
      <c r="B4837" s="4" t="s">
        <v>4963</v>
      </c>
      <c r="C4837" s="3" t="s">
        <v>4962</v>
      </c>
    </row>
    <row r="4838" spans="1:3" x14ac:dyDescent="0.15">
      <c r="A4838" s="3">
        <v>2011413180</v>
      </c>
      <c r="B4838" s="4" t="s">
        <v>4966</v>
      </c>
      <c r="C4838" s="3" t="s">
        <v>4967</v>
      </c>
    </row>
    <row r="4839" spans="1:3" x14ac:dyDescent="0.15">
      <c r="A4839" s="3">
        <v>2011413363</v>
      </c>
      <c r="B4839" s="4" t="s">
        <v>5150</v>
      </c>
      <c r="C4839" s="3" t="s">
        <v>5151</v>
      </c>
    </row>
    <row r="4840" spans="1:3" ht="27" x14ac:dyDescent="0.15">
      <c r="A4840" s="3">
        <v>2011413364</v>
      </c>
      <c r="B4840" s="4" t="s">
        <v>5152</v>
      </c>
      <c r="C4840" s="3" t="s">
        <v>5151</v>
      </c>
    </row>
    <row r="4841" spans="1:3" ht="27" x14ac:dyDescent="0.15">
      <c r="A4841" s="3">
        <v>2011413365</v>
      </c>
      <c r="B4841" s="4" t="s">
        <v>5153</v>
      </c>
      <c r="C4841" s="3" t="s">
        <v>5151</v>
      </c>
    </row>
    <row r="4842" spans="1:3" ht="27" x14ac:dyDescent="0.15">
      <c r="A4842" s="3">
        <v>2011413465</v>
      </c>
      <c r="B4842" s="4" t="s">
        <v>5279</v>
      </c>
      <c r="C4842" s="3" t="s">
        <v>5280</v>
      </c>
    </row>
    <row r="4843" spans="1:3" ht="27" x14ac:dyDescent="0.15">
      <c r="A4843" s="3">
        <v>2011413372</v>
      </c>
      <c r="B4843" s="4" t="s">
        <v>5165</v>
      </c>
      <c r="C4843" s="3" t="s">
        <v>5166</v>
      </c>
    </row>
    <row r="4844" spans="1:3" ht="27" x14ac:dyDescent="0.15">
      <c r="A4844" s="3">
        <v>2011413380</v>
      </c>
      <c r="B4844" s="4" t="s">
        <v>5174</v>
      </c>
      <c r="C4844" s="3" t="s">
        <v>5166</v>
      </c>
    </row>
    <row r="4845" spans="1:3" ht="27" x14ac:dyDescent="0.15">
      <c r="A4845" s="3">
        <v>2011413381</v>
      </c>
      <c r="B4845" s="4" t="s">
        <v>5175</v>
      </c>
      <c r="C4845" s="3" t="s">
        <v>5176</v>
      </c>
    </row>
    <row r="4846" spans="1:3" ht="27" x14ac:dyDescent="0.15">
      <c r="A4846" s="3">
        <v>2011413382</v>
      </c>
      <c r="B4846" s="4" t="s">
        <v>5177</v>
      </c>
      <c r="C4846" s="3" t="s">
        <v>5176</v>
      </c>
    </row>
    <row r="4847" spans="1:3" ht="27" x14ac:dyDescent="0.15">
      <c r="A4847" s="3">
        <v>2011413383</v>
      </c>
      <c r="B4847" s="4" t="s">
        <v>5178</v>
      </c>
      <c r="C4847" s="3" t="s">
        <v>5176</v>
      </c>
    </row>
    <row r="4848" spans="1:3" ht="27" x14ac:dyDescent="0.15">
      <c r="A4848" s="3">
        <v>2011413384</v>
      </c>
      <c r="B4848" s="4" t="s">
        <v>5179</v>
      </c>
      <c r="C4848" s="3" t="s">
        <v>5176</v>
      </c>
    </row>
    <row r="4849" spans="1:3" ht="27" x14ac:dyDescent="0.15">
      <c r="A4849" s="3">
        <v>2011413385</v>
      </c>
      <c r="B4849" s="4" t="s">
        <v>5180</v>
      </c>
      <c r="C4849" s="3" t="s">
        <v>5176</v>
      </c>
    </row>
    <row r="4850" spans="1:3" ht="27" x14ac:dyDescent="0.15">
      <c r="A4850" s="3">
        <v>2011413386</v>
      </c>
      <c r="B4850" s="4" t="s">
        <v>5181</v>
      </c>
      <c r="C4850" s="3" t="s">
        <v>5176</v>
      </c>
    </row>
    <row r="4851" spans="1:3" ht="27" x14ac:dyDescent="0.15">
      <c r="A4851" s="3">
        <v>2011413393</v>
      </c>
      <c r="B4851" s="4" t="s">
        <v>5188</v>
      </c>
      <c r="C4851" s="3" t="s">
        <v>5189</v>
      </c>
    </row>
    <row r="4852" spans="1:3" x14ac:dyDescent="0.15">
      <c r="A4852" s="3">
        <v>2011413471</v>
      </c>
      <c r="B4852" s="4" t="s">
        <v>5288</v>
      </c>
      <c r="C4852" s="3" t="s">
        <v>5189</v>
      </c>
    </row>
    <row r="4853" spans="1:3" x14ac:dyDescent="0.15">
      <c r="A4853" s="3">
        <v>2008400533</v>
      </c>
      <c r="B4853" s="4" t="s">
        <v>636</v>
      </c>
      <c r="C4853" s="3" t="s">
        <v>637</v>
      </c>
    </row>
    <row r="4854" spans="1:3" ht="27" x14ac:dyDescent="0.15">
      <c r="A4854" s="3">
        <v>2008400534</v>
      </c>
      <c r="B4854" s="4" t="s">
        <v>638</v>
      </c>
      <c r="C4854" s="3" t="s">
        <v>637</v>
      </c>
    </row>
    <row r="4855" spans="1:3" ht="27" x14ac:dyDescent="0.15">
      <c r="A4855" s="3">
        <v>2008400535</v>
      </c>
      <c r="B4855" s="4" t="s">
        <v>639</v>
      </c>
      <c r="C4855" s="3" t="s">
        <v>637</v>
      </c>
    </row>
    <row r="4856" spans="1:3" x14ac:dyDescent="0.15">
      <c r="A4856" s="3">
        <v>2008400869</v>
      </c>
      <c r="B4856" s="4" t="s">
        <v>1011</v>
      </c>
      <c r="C4856" s="3" t="s">
        <v>637</v>
      </c>
    </row>
    <row r="4857" spans="1:3" ht="27" x14ac:dyDescent="0.15">
      <c r="A4857" s="3">
        <v>2008400870</v>
      </c>
      <c r="B4857" s="4" t="s">
        <v>638</v>
      </c>
      <c r="C4857" s="3" t="s">
        <v>637</v>
      </c>
    </row>
    <row r="4858" spans="1:3" ht="27" x14ac:dyDescent="0.15">
      <c r="A4858" s="3">
        <v>2011413398</v>
      </c>
      <c r="B4858" s="4" t="s">
        <v>5198</v>
      </c>
      <c r="C4858" s="3" t="s">
        <v>637</v>
      </c>
    </row>
    <row r="4859" spans="1:3" ht="27" x14ac:dyDescent="0.15">
      <c r="A4859" s="3">
        <v>2011413399</v>
      </c>
      <c r="B4859" s="4" t="s">
        <v>5199</v>
      </c>
      <c r="C4859" s="3" t="s">
        <v>637</v>
      </c>
    </row>
    <row r="4860" spans="1:3" ht="27" x14ac:dyDescent="0.15">
      <c r="A4860" s="3">
        <v>2011413400</v>
      </c>
      <c r="B4860" s="4" t="s">
        <v>5200</v>
      </c>
      <c r="C4860" s="3" t="s">
        <v>637</v>
      </c>
    </row>
    <row r="4861" spans="1:3" ht="27" x14ac:dyDescent="0.15">
      <c r="A4861" s="3">
        <v>2008400871</v>
      </c>
      <c r="B4861" s="4" t="s">
        <v>1012</v>
      </c>
      <c r="C4861" s="3" t="s">
        <v>1013</v>
      </c>
    </row>
    <row r="4862" spans="1:3" x14ac:dyDescent="0.15">
      <c r="A4862" s="3">
        <v>2011413476</v>
      </c>
      <c r="B4862" s="4" t="s">
        <v>5296</v>
      </c>
      <c r="C4862" s="3" t="s">
        <v>1013</v>
      </c>
    </row>
    <row r="4863" spans="1:3" ht="27" x14ac:dyDescent="0.15">
      <c r="A4863" s="3">
        <v>2008400900</v>
      </c>
      <c r="B4863" s="4" t="s">
        <v>1048</v>
      </c>
      <c r="C4863" s="3" t="s">
        <v>1049</v>
      </c>
    </row>
    <row r="4864" spans="1:3" x14ac:dyDescent="0.15">
      <c r="A4864" s="3">
        <v>2011413427</v>
      </c>
      <c r="B4864" s="4" t="s">
        <v>5231</v>
      </c>
      <c r="C4864" s="3" t="s">
        <v>5232</v>
      </c>
    </row>
    <row r="4865" spans="1:3" x14ac:dyDescent="0.15">
      <c r="A4865" s="3">
        <v>2011413428</v>
      </c>
      <c r="B4865" s="4" t="s">
        <v>5231</v>
      </c>
      <c r="C4865" s="3" t="s">
        <v>5232</v>
      </c>
    </row>
    <row r="4866" spans="1:3" x14ac:dyDescent="0.15">
      <c r="A4866" s="3">
        <v>2008400873</v>
      </c>
      <c r="B4866" s="4" t="s">
        <v>1015</v>
      </c>
      <c r="C4866" s="3" t="s">
        <v>1016</v>
      </c>
    </row>
    <row r="4867" spans="1:3" x14ac:dyDescent="0.15">
      <c r="A4867" s="3">
        <v>2011413482</v>
      </c>
      <c r="B4867" s="4" t="s">
        <v>5305</v>
      </c>
      <c r="C4867" s="3" t="s">
        <v>1016</v>
      </c>
    </row>
    <row r="4868" spans="1:3" ht="27" x14ac:dyDescent="0.15">
      <c r="A4868" s="3">
        <v>2011413432</v>
      </c>
      <c r="B4868" s="4" t="s">
        <v>5238</v>
      </c>
      <c r="C4868" s="3" t="s">
        <v>5239</v>
      </c>
    </row>
    <row r="4869" spans="1:3" ht="27" x14ac:dyDescent="0.15">
      <c r="A4869" s="3">
        <v>2011413433</v>
      </c>
      <c r="B4869" s="4" t="s">
        <v>5240</v>
      </c>
      <c r="C4869" s="3" t="s">
        <v>5239</v>
      </c>
    </row>
    <row r="4870" spans="1:3" x14ac:dyDescent="0.15">
      <c r="A4870" s="3">
        <v>2011413493</v>
      </c>
      <c r="B4870" s="4" t="s">
        <v>5321</v>
      </c>
      <c r="C4870" s="3" t="s">
        <v>5239</v>
      </c>
    </row>
    <row r="4871" spans="1:3" ht="27" x14ac:dyDescent="0.15">
      <c r="A4871" s="3">
        <v>2011413496</v>
      </c>
      <c r="B4871" s="4" t="s">
        <v>5326</v>
      </c>
      <c r="C4871" s="3" t="s">
        <v>5327</v>
      </c>
    </row>
    <row r="4872" spans="1:3" ht="27" x14ac:dyDescent="0.15">
      <c r="A4872" s="3">
        <v>2011413497</v>
      </c>
      <c r="B4872" s="4" t="s">
        <v>5326</v>
      </c>
      <c r="C4872" s="3" t="s">
        <v>5328</v>
      </c>
    </row>
    <row r="4873" spans="1:3" ht="27" x14ac:dyDescent="0.15">
      <c r="A4873" s="3">
        <v>2011413498</v>
      </c>
      <c r="B4873" s="4" t="s">
        <v>5326</v>
      </c>
      <c r="C4873" s="3" t="s">
        <v>5329</v>
      </c>
    </row>
    <row r="4874" spans="1:3" x14ac:dyDescent="0.15">
      <c r="A4874" s="3">
        <v>2011413501</v>
      </c>
      <c r="B4874" s="4" t="s">
        <v>5333</v>
      </c>
      <c r="C4874" s="3" t="s">
        <v>5334</v>
      </c>
    </row>
    <row r="4875" spans="1:3" ht="27" x14ac:dyDescent="0.15">
      <c r="A4875" s="3">
        <v>2011414022</v>
      </c>
      <c r="B4875" s="4" t="s">
        <v>6024</v>
      </c>
      <c r="C4875" s="3" t="s">
        <v>6025</v>
      </c>
    </row>
    <row r="4876" spans="1:3" ht="40.5" x14ac:dyDescent="0.15">
      <c r="A4876" s="3">
        <v>2011413735</v>
      </c>
      <c r="B4876" s="4" t="s">
        <v>5607</v>
      </c>
      <c r="C4876" s="3" t="s">
        <v>5608</v>
      </c>
    </row>
    <row r="4877" spans="1:3" x14ac:dyDescent="0.15">
      <c r="A4877" s="3">
        <v>2011413737</v>
      </c>
      <c r="B4877" s="4" t="s">
        <v>5611</v>
      </c>
      <c r="C4877" s="3" t="s">
        <v>5608</v>
      </c>
    </row>
    <row r="4878" spans="1:3" x14ac:dyDescent="0.15">
      <c r="A4878" s="3">
        <v>2011413054</v>
      </c>
      <c r="B4878" s="4" t="s">
        <v>4787</v>
      </c>
      <c r="C4878" s="3" t="s">
        <v>4788</v>
      </c>
    </row>
    <row r="4879" spans="1:3" ht="27" x14ac:dyDescent="0.15">
      <c r="A4879" s="3">
        <v>2011413739</v>
      </c>
      <c r="B4879" s="4" t="s">
        <v>5614</v>
      </c>
      <c r="C4879" s="3" t="s">
        <v>4788</v>
      </c>
    </row>
    <row r="4880" spans="1:3" ht="27" x14ac:dyDescent="0.15">
      <c r="A4880" s="3">
        <v>2011413525</v>
      </c>
      <c r="B4880" s="4" t="s">
        <v>5363</v>
      </c>
      <c r="C4880" s="3" t="s">
        <v>5364</v>
      </c>
    </row>
    <row r="4881" spans="1:3" ht="40.5" x14ac:dyDescent="0.15">
      <c r="A4881" s="3">
        <v>2011410670</v>
      </c>
      <c r="B4881" s="4" t="s">
        <v>1935</v>
      </c>
      <c r="C4881" s="3" t="s">
        <v>1936</v>
      </c>
    </row>
    <row r="4882" spans="1:3" ht="27" x14ac:dyDescent="0.15">
      <c r="A4882" s="3">
        <v>2011413744</v>
      </c>
      <c r="B4882" s="4" t="s">
        <v>5622</v>
      </c>
      <c r="C4882" s="3" t="s">
        <v>1936</v>
      </c>
    </row>
    <row r="4883" spans="1:3" ht="27" x14ac:dyDescent="0.15">
      <c r="A4883" s="3">
        <v>2011413743</v>
      </c>
      <c r="B4883" s="4" t="s">
        <v>5620</v>
      </c>
      <c r="C4883" s="3" t="s">
        <v>5621</v>
      </c>
    </row>
    <row r="4884" spans="1:3" ht="27" x14ac:dyDescent="0.15">
      <c r="A4884" s="3">
        <v>2011413753</v>
      </c>
      <c r="B4884" s="4" t="s">
        <v>5634</v>
      </c>
      <c r="C4884" s="3" t="s">
        <v>5635</v>
      </c>
    </row>
    <row r="4885" spans="1:3" ht="40.5" x14ac:dyDescent="0.15">
      <c r="A4885" s="3">
        <v>2008400552</v>
      </c>
      <c r="B4885" s="4" t="s">
        <v>662</v>
      </c>
      <c r="C4885" s="3" t="s">
        <v>663</v>
      </c>
    </row>
    <row r="4886" spans="1:3" ht="27" x14ac:dyDescent="0.15">
      <c r="A4886" s="3">
        <v>2008400553</v>
      </c>
      <c r="B4886" s="4" t="s">
        <v>664</v>
      </c>
      <c r="C4886" s="3" t="s">
        <v>663</v>
      </c>
    </row>
    <row r="4887" spans="1:3" x14ac:dyDescent="0.15">
      <c r="A4887" s="3">
        <v>2008400554</v>
      </c>
      <c r="B4887" s="4" t="s">
        <v>665</v>
      </c>
      <c r="C4887" s="3" t="s">
        <v>663</v>
      </c>
    </row>
    <row r="4888" spans="1:3" ht="27" x14ac:dyDescent="0.15">
      <c r="A4888" s="3">
        <v>2008400555</v>
      </c>
      <c r="B4888" s="4" t="s">
        <v>666</v>
      </c>
      <c r="C4888" s="3" t="s">
        <v>663</v>
      </c>
    </row>
    <row r="4889" spans="1:3" x14ac:dyDescent="0.15">
      <c r="A4889" s="3">
        <v>2008400556</v>
      </c>
      <c r="B4889" s="4" t="s">
        <v>667</v>
      </c>
      <c r="C4889" s="3" t="s">
        <v>663</v>
      </c>
    </row>
    <row r="4890" spans="1:3" x14ac:dyDescent="0.15">
      <c r="A4890" s="3">
        <v>2008400557</v>
      </c>
      <c r="B4890" s="4" t="s">
        <v>668</v>
      </c>
      <c r="C4890" s="3" t="s">
        <v>663</v>
      </c>
    </row>
    <row r="4891" spans="1:3" x14ac:dyDescent="0.15">
      <c r="A4891" s="3">
        <v>2008400558</v>
      </c>
      <c r="B4891" s="4" t="s">
        <v>669</v>
      </c>
      <c r="C4891" s="3" t="s">
        <v>663</v>
      </c>
    </row>
    <row r="4892" spans="1:3" ht="27" x14ac:dyDescent="0.15">
      <c r="A4892" s="3">
        <v>2008400559</v>
      </c>
      <c r="B4892" s="4" t="s">
        <v>670</v>
      </c>
      <c r="C4892" s="3" t="s">
        <v>663</v>
      </c>
    </row>
    <row r="4893" spans="1:3" ht="27" x14ac:dyDescent="0.15">
      <c r="A4893" s="3">
        <v>2008400560</v>
      </c>
      <c r="B4893" s="4" t="s">
        <v>671</v>
      </c>
      <c r="C4893" s="3" t="s">
        <v>663</v>
      </c>
    </row>
    <row r="4894" spans="1:3" ht="40.5" x14ac:dyDescent="0.15">
      <c r="A4894" s="3">
        <v>2008400561</v>
      </c>
      <c r="B4894" s="4" t="s">
        <v>672</v>
      </c>
      <c r="C4894" s="3" t="s">
        <v>663</v>
      </c>
    </row>
    <row r="4895" spans="1:3" ht="27" x14ac:dyDescent="0.15">
      <c r="A4895" s="3">
        <v>2008400562</v>
      </c>
      <c r="B4895" s="4" t="s">
        <v>673</v>
      </c>
      <c r="C4895" s="3" t="s">
        <v>663</v>
      </c>
    </row>
    <row r="4896" spans="1:3" ht="27" x14ac:dyDescent="0.15">
      <c r="A4896" s="3">
        <v>2008400563</v>
      </c>
      <c r="B4896" s="4" t="s">
        <v>674</v>
      </c>
      <c r="C4896" s="3" t="s">
        <v>663</v>
      </c>
    </row>
    <row r="4897" spans="1:3" x14ac:dyDescent="0.15">
      <c r="A4897" s="3">
        <v>2008400564</v>
      </c>
      <c r="B4897" s="4" t="s">
        <v>675</v>
      </c>
      <c r="C4897" s="3" t="s">
        <v>663</v>
      </c>
    </row>
    <row r="4898" spans="1:3" ht="27" x14ac:dyDescent="0.15">
      <c r="A4898" s="3">
        <v>2008400565</v>
      </c>
      <c r="B4898" s="4" t="s">
        <v>676</v>
      </c>
      <c r="C4898" s="3" t="s">
        <v>663</v>
      </c>
    </row>
    <row r="4899" spans="1:3" ht="27" x14ac:dyDescent="0.15">
      <c r="A4899" s="3">
        <v>2008400566</v>
      </c>
      <c r="B4899" s="4" t="s">
        <v>677</v>
      </c>
      <c r="C4899" s="3" t="s">
        <v>663</v>
      </c>
    </row>
    <row r="4900" spans="1:3" ht="27" x14ac:dyDescent="0.15">
      <c r="A4900" s="3">
        <v>2008400567</v>
      </c>
      <c r="B4900" s="4" t="s">
        <v>678</v>
      </c>
      <c r="C4900" s="3" t="s">
        <v>663</v>
      </c>
    </row>
    <row r="4901" spans="1:3" ht="27" x14ac:dyDescent="0.15">
      <c r="A4901" s="3">
        <v>2008400588</v>
      </c>
      <c r="B4901" s="4" t="s">
        <v>702</v>
      </c>
      <c r="C4901" s="3" t="s">
        <v>663</v>
      </c>
    </row>
    <row r="4902" spans="1:3" ht="40.5" x14ac:dyDescent="0.15">
      <c r="A4902" s="3">
        <v>2008400589</v>
      </c>
      <c r="B4902" s="4" t="s">
        <v>703</v>
      </c>
      <c r="C4902" s="3" t="s">
        <v>663</v>
      </c>
    </row>
    <row r="4903" spans="1:3" x14ac:dyDescent="0.15">
      <c r="A4903" s="3">
        <v>2008400590</v>
      </c>
      <c r="B4903" s="4" t="s">
        <v>704</v>
      </c>
      <c r="C4903" s="3" t="s">
        <v>663</v>
      </c>
    </row>
    <row r="4904" spans="1:3" ht="27" x14ac:dyDescent="0.15">
      <c r="A4904" s="3">
        <v>2008400875</v>
      </c>
      <c r="B4904" s="4" t="s">
        <v>664</v>
      </c>
      <c r="C4904" s="3" t="s">
        <v>663</v>
      </c>
    </row>
    <row r="4905" spans="1:3" ht="27" x14ac:dyDescent="0.15">
      <c r="A4905" s="3">
        <v>2008400876</v>
      </c>
      <c r="B4905" s="4" t="s">
        <v>1019</v>
      </c>
      <c r="C4905" s="3" t="s">
        <v>663</v>
      </c>
    </row>
    <row r="4906" spans="1:3" ht="40.5" x14ac:dyDescent="0.15">
      <c r="A4906" s="3">
        <v>2008400877</v>
      </c>
      <c r="B4906" s="4" t="s">
        <v>1020</v>
      </c>
      <c r="C4906" s="3" t="s">
        <v>663</v>
      </c>
    </row>
    <row r="4907" spans="1:3" x14ac:dyDescent="0.15">
      <c r="A4907" s="3">
        <v>2008400879</v>
      </c>
      <c r="B4907" s="4" t="s">
        <v>1023</v>
      </c>
      <c r="C4907" s="3" t="s">
        <v>663</v>
      </c>
    </row>
    <row r="4908" spans="1:3" ht="27" x14ac:dyDescent="0.15">
      <c r="A4908" s="3">
        <v>2008400880</v>
      </c>
      <c r="B4908" s="4" t="s">
        <v>1024</v>
      </c>
      <c r="C4908" s="3" t="s">
        <v>663</v>
      </c>
    </row>
    <row r="4909" spans="1:3" ht="27" x14ac:dyDescent="0.15">
      <c r="A4909" s="3">
        <v>2008400902</v>
      </c>
      <c r="B4909" s="4" t="s">
        <v>702</v>
      </c>
      <c r="C4909" s="3" t="s">
        <v>663</v>
      </c>
    </row>
    <row r="4910" spans="1:3" ht="27" x14ac:dyDescent="0.15">
      <c r="A4910" s="3">
        <v>2008400903</v>
      </c>
      <c r="B4910" s="4" t="s">
        <v>1052</v>
      </c>
      <c r="C4910" s="3" t="s">
        <v>663</v>
      </c>
    </row>
    <row r="4911" spans="1:3" ht="27" x14ac:dyDescent="0.15">
      <c r="A4911" s="3">
        <v>2008400904</v>
      </c>
      <c r="B4911" s="4" t="s">
        <v>1053</v>
      </c>
      <c r="C4911" s="3" t="s">
        <v>663</v>
      </c>
    </row>
    <row r="4912" spans="1:3" ht="27" x14ac:dyDescent="0.15">
      <c r="A4912" s="3">
        <v>2011413526</v>
      </c>
      <c r="B4912" s="4" t="s">
        <v>5365</v>
      </c>
      <c r="C4912" s="3" t="s">
        <v>663</v>
      </c>
    </row>
    <row r="4913" spans="1:3" ht="27" x14ac:dyDescent="0.15">
      <c r="A4913" s="3">
        <v>2011413527</v>
      </c>
      <c r="B4913" s="4" t="s">
        <v>5366</v>
      </c>
      <c r="C4913" s="3" t="s">
        <v>663</v>
      </c>
    </row>
    <row r="4914" spans="1:3" ht="27" x14ac:dyDescent="0.15">
      <c r="A4914" s="3">
        <v>2011413528</v>
      </c>
      <c r="B4914" s="4" t="s">
        <v>5367</v>
      </c>
      <c r="C4914" s="3" t="s">
        <v>663</v>
      </c>
    </row>
    <row r="4915" spans="1:3" ht="27" x14ac:dyDescent="0.15">
      <c r="A4915" s="3">
        <v>2011413529</v>
      </c>
      <c r="B4915" s="4" t="s">
        <v>1052</v>
      </c>
      <c r="C4915" s="3" t="s">
        <v>663</v>
      </c>
    </row>
    <row r="4916" spans="1:3" ht="27" x14ac:dyDescent="0.15">
      <c r="A4916" s="3">
        <v>2011413530</v>
      </c>
      <c r="B4916" s="4" t="s">
        <v>5368</v>
      </c>
      <c r="C4916" s="3" t="s">
        <v>663</v>
      </c>
    </row>
    <row r="4917" spans="1:3" ht="27" x14ac:dyDescent="0.15">
      <c r="A4917" s="3">
        <v>2011413531</v>
      </c>
      <c r="B4917" s="4" t="s">
        <v>666</v>
      </c>
      <c r="C4917" s="3" t="s">
        <v>663</v>
      </c>
    </row>
    <row r="4918" spans="1:3" ht="27" x14ac:dyDescent="0.15">
      <c r="A4918" s="3">
        <v>2011413532</v>
      </c>
      <c r="B4918" s="4" t="s">
        <v>5369</v>
      </c>
      <c r="C4918" s="3" t="s">
        <v>663</v>
      </c>
    </row>
    <row r="4919" spans="1:3" ht="27" x14ac:dyDescent="0.15">
      <c r="A4919" s="3">
        <v>2011413535</v>
      </c>
      <c r="B4919" s="4" t="s">
        <v>1053</v>
      </c>
      <c r="C4919" s="3" t="s">
        <v>663</v>
      </c>
    </row>
    <row r="4920" spans="1:3" ht="27" x14ac:dyDescent="0.15">
      <c r="A4920" s="3">
        <v>2011413536</v>
      </c>
      <c r="B4920" s="4" t="s">
        <v>5374</v>
      </c>
      <c r="C4920" s="3" t="s">
        <v>663</v>
      </c>
    </row>
    <row r="4921" spans="1:3" ht="27" x14ac:dyDescent="0.15">
      <c r="A4921" s="3">
        <v>2011413537</v>
      </c>
      <c r="B4921" s="4" t="s">
        <v>5375</v>
      </c>
      <c r="C4921" s="3" t="s">
        <v>663</v>
      </c>
    </row>
    <row r="4922" spans="1:3" ht="27" x14ac:dyDescent="0.15">
      <c r="A4922" s="3">
        <v>2011413742</v>
      </c>
      <c r="B4922" s="4" t="s">
        <v>5619</v>
      </c>
      <c r="C4922" s="3" t="s">
        <v>663</v>
      </c>
    </row>
    <row r="4923" spans="1:3" ht="27" x14ac:dyDescent="0.15">
      <c r="A4923" s="3">
        <v>2011413745</v>
      </c>
      <c r="B4923" s="4" t="s">
        <v>5623</v>
      </c>
      <c r="C4923" s="3" t="s">
        <v>663</v>
      </c>
    </row>
    <row r="4924" spans="1:3" x14ac:dyDescent="0.15">
      <c r="A4924" s="3">
        <v>2011413746</v>
      </c>
      <c r="B4924" s="4" t="s">
        <v>5624</v>
      </c>
      <c r="C4924" s="3" t="s">
        <v>663</v>
      </c>
    </row>
    <row r="4925" spans="1:3" x14ac:dyDescent="0.15">
      <c r="A4925" s="3">
        <v>2011413747</v>
      </c>
      <c r="B4925" s="4" t="s">
        <v>5625</v>
      </c>
      <c r="C4925" s="3" t="s">
        <v>663</v>
      </c>
    </row>
    <row r="4926" spans="1:3" x14ac:dyDescent="0.15">
      <c r="A4926" s="3">
        <v>2011414189</v>
      </c>
      <c r="B4926" s="4" t="s">
        <v>6254</v>
      </c>
      <c r="C4926" s="3" t="s">
        <v>663</v>
      </c>
    </row>
    <row r="4927" spans="1:3" x14ac:dyDescent="0.15">
      <c r="A4927" s="3">
        <v>2011413750</v>
      </c>
      <c r="B4927" s="4" t="s">
        <v>5628</v>
      </c>
      <c r="C4927" s="3" t="s">
        <v>5629</v>
      </c>
    </row>
    <row r="4928" spans="1:3" ht="27" x14ac:dyDescent="0.15">
      <c r="A4928" s="3">
        <v>2011413559</v>
      </c>
      <c r="B4928" s="4" t="s">
        <v>5413</v>
      </c>
      <c r="C4928" s="3" t="s">
        <v>5414</v>
      </c>
    </row>
    <row r="4929" spans="1:3" ht="27" x14ac:dyDescent="0.15">
      <c r="A4929" s="3">
        <v>2011413560</v>
      </c>
      <c r="B4929" s="4" t="s">
        <v>5415</v>
      </c>
      <c r="C4929" s="3" t="s">
        <v>5414</v>
      </c>
    </row>
    <row r="4930" spans="1:3" ht="27" x14ac:dyDescent="0.15">
      <c r="A4930" s="3">
        <v>2011413569</v>
      </c>
      <c r="B4930" s="4" t="s">
        <v>5426</v>
      </c>
      <c r="C4930" s="3" t="s">
        <v>5414</v>
      </c>
    </row>
    <row r="4931" spans="1:3" ht="27" x14ac:dyDescent="0.15">
      <c r="A4931" s="3">
        <v>2011413570</v>
      </c>
      <c r="B4931" s="4" t="s">
        <v>5426</v>
      </c>
      <c r="C4931" s="3" t="s">
        <v>5414</v>
      </c>
    </row>
    <row r="4932" spans="1:3" x14ac:dyDescent="0.15">
      <c r="A4932" s="3">
        <v>2011413573</v>
      </c>
      <c r="B4932" s="4" t="s">
        <v>5431</v>
      </c>
      <c r="C4932" s="3" t="s">
        <v>5432</v>
      </c>
    </row>
    <row r="4933" spans="1:3" x14ac:dyDescent="0.15">
      <c r="A4933" s="3">
        <v>2011413574</v>
      </c>
      <c r="B4933" s="4" t="s">
        <v>5433</v>
      </c>
      <c r="C4933" s="3" t="s">
        <v>5432</v>
      </c>
    </row>
    <row r="4934" spans="1:3" x14ac:dyDescent="0.15">
      <c r="A4934" s="3">
        <v>2011413575</v>
      </c>
      <c r="B4934" s="4" t="s">
        <v>5434</v>
      </c>
      <c r="C4934" s="3" t="s">
        <v>5432</v>
      </c>
    </row>
    <row r="4935" spans="1:3" x14ac:dyDescent="0.15">
      <c r="A4935" s="3">
        <v>2011413576</v>
      </c>
      <c r="B4935" s="4" t="s">
        <v>5435</v>
      </c>
      <c r="C4935" s="3" t="s">
        <v>5432</v>
      </c>
    </row>
    <row r="4936" spans="1:3" ht="27" x14ac:dyDescent="0.15">
      <c r="A4936" s="3">
        <v>2008400886</v>
      </c>
      <c r="B4936" s="4" t="s">
        <v>1031</v>
      </c>
      <c r="C4936" s="3" t="s">
        <v>1032</v>
      </c>
    </row>
    <row r="4937" spans="1:3" ht="27" x14ac:dyDescent="0.15">
      <c r="A4937" s="3">
        <v>2008400887</v>
      </c>
      <c r="B4937" s="4" t="s">
        <v>1033</v>
      </c>
      <c r="C4937" s="3" t="s">
        <v>1032</v>
      </c>
    </row>
    <row r="4938" spans="1:3" ht="27" x14ac:dyDescent="0.15">
      <c r="A4938" s="3">
        <v>2008400907</v>
      </c>
      <c r="B4938" s="4" t="s">
        <v>1056</v>
      </c>
      <c r="C4938" s="3" t="s">
        <v>1032</v>
      </c>
    </row>
    <row r="4939" spans="1:3" x14ac:dyDescent="0.15">
      <c r="A4939" s="3">
        <v>2011413590</v>
      </c>
      <c r="B4939" s="4" t="s">
        <v>5450</v>
      </c>
      <c r="C4939" s="3" t="s">
        <v>1032</v>
      </c>
    </row>
    <row r="4940" spans="1:3" x14ac:dyDescent="0.15">
      <c r="A4940" s="3">
        <v>2011413591</v>
      </c>
      <c r="B4940" s="4" t="s">
        <v>5451</v>
      </c>
      <c r="C4940" s="3" t="s">
        <v>1032</v>
      </c>
    </row>
    <row r="4941" spans="1:3" ht="27" x14ac:dyDescent="0.15">
      <c r="A4941" s="3">
        <v>2011413592</v>
      </c>
      <c r="B4941" s="4" t="s">
        <v>1031</v>
      </c>
      <c r="C4941" s="3" t="s">
        <v>1032</v>
      </c>
    </row>
    <row r="4942" spans="1:3" ht="27" x14ac:dyDescent="0.15">
      <c r="A4942" s="3">
        <v>2011413613</v>
      </c>
      <c r="B4942" s="4" t="s">
        <v>5474</v>
      </c>
      <c r="C4942" s="3" t="s">
        <v>5475</v>
      </c>
    </row>
    <row r="4943" spans="1:3" ht="27" x14ac:dyDescent="0.15">
      <c r="A4943" s="3">
        <v>2011413760</v>
      </c>
      <c r="B4943" s="4" t="s">
        <v>5648</v>
      </c>
      <c r="C4943" s="3" t="s">
        <v>5649</v>
      </c>
    </row>
    <row r="4944" spans="1:3" ht="27" x14ac:dyDescent="0.15">
      <c r="A4944" s="3">
        <v>2011413616</v>
      </c>
      <c r="B4944" s="4" t="s">
        <v>5480</v>
      </c>
      <c r="C4944" s="3" t="s">
        <v>5481</v>
      </c>
    </row>
    <row r="4945" spans="1:3" ht="27" x14ac:dyDescent="0.15">
      <c r="A4945" s="3">
        <v>2011413623</v>
      </c>
      <c r="B4945" s="4" t="s">
        <v>5488</v>
      </c>
      <c r="C4945" s="3" t="s">
        <v>5481</v>
      </c>
    </row>
    <row r="4946" spans="1:3" ht="27" x14ac:dyDescent="0.15">
      <c r="A4946" s="3">
        <v>2011413632</v>
      </c>
      <c r="B4946" s="4" t="s">
        <v>5499</v>
      </c>
      <c r="C4946" s="3" t="s">
        <v>5481</v>
      </c>
    </row>
    <row r="4947" spans="1:3" ht="27" x14ac:dyDescent="0.15">
      <c r="A4947" s="3">
        <v>2011413633</v>
      </c>
      <c r="B4947" s="4" t="s">
        <v>5500</v>
      </c>
      <c r="C4947" s="3" t="s">
        <v>5481</v>
      </c>
    </row>
    <row r="4948" spans="1:3" ht="27" x14ac:dyDescent="0.15">
      <c r="A4948" s="3">
        <v>2011413634</v>
      </c>
      <c r="B4948" s="4" t="s">
        <v>5501</v>
      </c>
      <c r="C4948" s="3" t="s">
        <v>5481</v>
      </c>
    </row>
    <row r="4949" spans="1:3" ht="27" x14ac:dyDescent="0.15">
      <c r="A4949" s="3">
        <v>2011413635</v>
      </c>
      <c r="B4949" s="4" t="s">
        <v>5502</v>
      </c>
      <c r="C4949" s="3" t="s">
        <v>5481</v>
      </c>
    </row>
    <row r="4950" spans="1:3" ht="27" x14ac:dyDescent="0.15">
      <c r="A4950" s="3">
        <v>2011413636</v>
      </c>
      <c r="B4950" s="4" t="s">
        <v>5502</v>
      </c>
      <c r="C4950" s="3" t="s">
        <v>5481</v>
      </c>
    </row>
    <row r="4951" spans="1:3" x14ac:dyDescent="0.15">
      <c r="A4951" s="3">
        <v>2011413764</v>
      </c>
      <c r="B4951" s="4" t="s">
        <v>5654</v>
      </c>
      <c r="C4951" s="3" t="s">
        <v>5481</v>
      </c>
    </row>
    <row r="4952" spans="1:3" x14ac:dyDescent="0.15">
      <c r="A4952" s="3">
        <v>2011413637</v>
      </c>
      <c r="B4952" s="4" t="s">
        <v>5503</v>
      </c>
      <c r="C4952" s="3" t="s">
        <v>5504</v>
      </c>
    </row>
    <row r="4953" spans="1:3" ht="27" x14ac:dyDescent="0.15">
      <c r="A4953" s="3">
        <v>2011413638</v>
      </c>
      <c r="B4953" s="4" t="s">
        <v>5505</v>
      </c>
      <c r="C4953" s="3" t="s">
        <v>5504</v>
      </c>
    </row>
    <row r="4954" spans="1:3" ht="27" x14ac:dyDescent="0.15">
      <c r="A4954" s="3">
        <v>2011413666</v>
      </c>
      <c r="B4954" s="4" t="s">
        <v>5532</v>
      </c>
      <c r="C4954" s="3" t="s">
        <v>5533</v>
      </c>
    </row>
    <row r="4955" spans="1:3" x14ac:dyDescent="0.15">
      <c r="A4955" s="3">
        <v>2011413768</v>
      </c>
      <c r="B4955" s="4" t="s">
        <v>5660</v>
      </c>
      <c r="C4955" s="3" t="s">
        <v>5533</v>
      </c>
    </row>
    <row r="4956" spans="1:3" x14ac:dyDescent="0.15">
      <c r="A4956" s="3">
        <v>2011413769</v>
      </c>
      <c r="B4956" s="4" t="s">
        <v>5661</v>
      </c>
      <c r="C4956" s="3" t="s">
        <v>5533</v>
      </c>
    </row>
    <row r="4957" spans="1:3" ht="27" x14ac:dyDescent="0.15">
      <c r="A4957" s="3">
        <v>2011413677</v>
      </c>
      <c r="B4957" s="4" t="s">
        <v>5544</v>
      </c>
      <c r="C4957" s="3" t="s">
        <v>5545</v>
      </c>
    </row>
    <row r="4958" spans="1:3" ht="27" x14ac:dyDescent="0.15">
      <c r="A4958" s="3">
        <v>2011413678</v>
      </c>
      <c r="B4958" s="4" t="s">
        <v>5546</v>
      </c>
      <c r="C4958" s="3" t="s">
        <v>5545</v>
      </c>
    </row>
    <row r="4959" spans="1:3" ht="27" x14ac:dyDescent="0.15">
      <c r="A4959" s="3">
        <v>2011413679</v>
      </c>
      <c r="B4959" s="4" t="s">
        <v>5547</v>
      </c>
      <c r="C4959" s="3" t="s">
        <v>5545</v>
      </c>
    </row>
    <row r="4960" spans="1:3" ht="27" x14ac:dyDescent="0.15">
      <c r="A4960" s="3">
        <v>2011413680</v>
      </c>
      <c r="B4960" s="4" t="s">
        <v>5548</v>
      </c>
      <c r="C4960" s="3" t="s">
        <v>5545</v>
      </c>
    </row>
    <row r="4961" spans="1:3" ht="27" x14ac:dyDescent="0.15">
      <c r="A4961" s="3">
        <v>2011413775</v>
      </c>
      <c r="B4961" s="4" t="s">
        <v>5670</v>
      </c>
      <c r="C4961" s="3" t="s">
        <v>5671</v>
      </c>
    </row>
    <row r="4962" spans="1:3" ht="27" x14ac:dyDescent="0.15">
      <c r="A4962" s="3">
        <v>2011413782</v>
      </c>
      <c r="B4962" s="4" t="s">
        <v>5679</v>
      </c>
      <c r="C4962" s="3" t="s">
        <v>5680</v>
      </c>
    </row>
    <row r="4963" spans="1:3" ht="27" x14ac:dyDescent="0.15">
      <c r="A4963" s="3">
        <v>2011413783</v>
      </c>
      <c r="B4963" s="4" t="s">
        <v>5681</v>
      </c>
      <c r="C4963" s="3" t="s">
        <v>5680</v>
      </c>
    </row>
    <row r="4964" spans="1:3" x14ac:dyDescent="0.15">
      <c r="A4964" s="3">
        <v>2011413784</v>
      </c>
      <c r="B4964" s="4" t="s">
        <v>5682</v>
      </c>
      <c r="C4964" s="3" t="s">
        <v>5680</v>
      </c>
    </row>
    <row r="4965" spans="1:3" x14ac:dyDescent="0.15">
      <c r="A4965" s="3">
        <v>2011413785</v>
      </c>
      <c r="B4965" s="4" t="s">
        <v>5683</v>
      </c>
      <c r="C4965" s="3" t="s">
        <v>5680</v>
      </c>
    </row>
    <row r="4966" spans="1:3" x14ac:dyDescent="0.15">
      <c r="A4966" s="3">
        <v>2011411077</v>
      </c>
      <c r="B4966" s="4" t="s">
        <v>2384</v>
      </c>
      <c r="C4966" s="3" t="s">
        <v>2385</v>
      </c>
    </row>
    <row r="4967" spans="1:3" x14ac:dyDescent="0.15">
      <c r="A4967" s="3">
        <v>2011413708</v>
      </c>
      <c r="B4967" s="4" t="s">
        <v>5574</v>
      </c>
      <c r="C4967" s="3" t="s">
        <v>2385</v>
      </c>
    </row>
    <row r="4968" spans="1:3" ht="27" x14ac:dyDescent="0.15">
      <c r="A4968" s="3">
        <v>2008400656</v>
      </c>
      <c r="B4968" s="4" t="s">
        <v>782</v>
      </c>
      <c r="C4968" s="3" t="s">
        <v>783</v>
      </c>
    </row>
    <row r="4969" spans="1:3" ht="27" x14ac:dyDescent="0.15">
      <c r="A4969" s="3">
        <v>2008400657</v>
      </c>
      <c r="B4969" s="4" t="s">
        <v>782</v>
      </c>
      <c r="C4969" s="3" t="s">
        <v>783</v>
      </c>
    </row>
    <row r="4970" spans="1:3" ht="27" x14ac:dyDescent="0.15">
      <c r="A4970" s="3">
        <v>2008400888</v>
      </c>
      <c r="B4970" s="4" t="s">
        <v>1034</v>
      </c>
      <c r="C4970" s="3" t="s">
        <v>783</v>
      </c>
    </row>
    <row r="4971" spans="1:3" ht="27" x14ac:dyDescent="0.15">
      <c r="A4971" s="3">
        <v>2008400908</v>
      </c>
      <c r="B4971" s="4" t="s">
        <v>782</v>
      </c>
      <c r="C4971" s="3" t="s">
        <v>783</v>
      </c>
    </row>
    <row r="4972" spans="1:3" ht="27" x14ac:dyDescent="0.15">
      <c r="A4972" s="3">
        <v>2011413711</v>
      </c>
      <c r="B4972" s="4" t="s">
        <v>5578</v>
      </c>
      <c r="C4972" s="3" t="s">
        <v>783</v>
      </c>
    </row>
    <row r="4973" spans="1:3" ht="27" x14ac:dyDescent="0.15">
      <c r="A4973" s="3">
        <v>2011413712</v>
      </c>
      <c r="B4973" s="4" t="s">
        <v>5579</v>
      </c>
      <c r="C4973" s="3" t="s">
        <v>783</v>
      </c>
    </row>
    <row r="4974" spans="1:3" ht="27" x14ac:dyDescent="0.15">
      <c r="A4974" s="3">
        <v>2011413713</v>
      </c>
      <c r="B4974" s="4" t="s">
        <v>5580</v>
      </c>
      <c r="C4974" s="3" t="s">
        <v>783</v>
      </c>
    </row>
    <row r="4975" spans="1:3" ht="27" x14ac:dyDescent="0.15">
      <c r="A4975" s="3">
        <v>2011413714</v>
      </c>
      <c r="B4975" s="4" t="s">
        <v>5581</v>
      </c>
      <c r="C4975" s="3" t="s">
        <v>783</v>
      </c>
    </row>
    <row r="4976" spans="1:3" ht="27" x14ac:dyDescent="0.15">
      <c r="A4976" s="3">
        <v>2011413715</v>
      </c>
      <c r="B4976" s="4" t="s">
        <v>5582</v>
      </c>
      <c r="C4976" s="3" t="s">
        <v>783</v>
      </c>
    </row>
    <row r="4977" spans="1:3" ht="27" x14ac:dyDescent="0.15">
      <c r="A4977" s="3">
        <v>2011413716</v>
      </c>
      <c r="B4977" s="4" t="s">
        <v>5583</v>
      </c>
      <c r="C4977" s="3" t="s">
        <v>783</v>
      </c>
    </row>
    <row r="4978" spans="1:3" ht="27" x14ac:dyDescent="0.15">
      <c r="A4978" s="3">
        <v>2011413717</v>
      </c>
      <c r="B4978" s="4" t="s">
        <v>5584</v>
      </c>
      <c r="C4978" s="3" t="s">
        <v>783</v>
      </c>
    </row>
    <row r="4979" spans="1:3" ht="27" x14ac:dyDescent="0.15">
      <c r="A4979" s="3">
        <v>2011413718</v>
      </c>
      <c r="B4979" s="4" t="s">
        <v>5585</v>
      </c>
      <c r="C4979" s="3" t="s">
        <v>783</v>
      </c>
    </row>
    <row r="4980" spans="1:3" ht="27" x14ac:dyDescent="0.15">
      <c r="A4980" s="3">
        <v>2011413732</v>
      </c>
      <c r="B4980" s="4" t="s">
        <v>5603</v>
      </c>
      <c r="C4980" s="3" t="s">
        <v>783</v>
      </c>
    </row>
    <row r="4981" spans="1:3" ht="27" x14ac:dyDescent="0.15">
      <c r="A4981" s="3">
        <v>2011413791</v>
      </c>
      <c r="B4981" s="4" t="s">
        <v>5694</v>
      </c>
      <c r="C4981" s="3" t="s">
        <v>783</v>
      </c>
    </row>
    <row r="4982" spans="1:3" ht="27" x14ac:dyDescent="0.15">
      <c r="A4982" s="3">
        <v>2011414517</v>
      </c>
      <c r="B4982" s="4" t="s">
        <v>5603</v>
      </c>
      <c r="C4982" s="3" t="s">
        <v>783</v>
      </c>
    </row>
    <row r="4983" spans="1:3" ht="27" x14ac:dyDescent="0.15">
      <c r="A4983" s="3">
        <v>2011413799</v>
      </c>
      <c r="B4983" s="4" t="s">
        <v>5708</v>
      </c>
      <c r="C4983" s="3" t="s">
        <v>5709</v>
      </c>
    </row>
    <row r="4984" spans="1:3" ht="27" x14ac:dyDescent="0.15">
      <c r="A4984" s="3">
        <v>2011413872</v>
      </c>
      <c r="B4984" s="4" t="s">
        <v>5817</v>
      </c>
      <c r="C4984" s="3" t="s">
        <v>5818</v>
      </c>
    </row>
    <row r="4985" spans="1:3" ht="27" x14ac:dyDescent="0.15">
      <c r="A4985" s="3">
        <v>2008400629</v>
      </c>
      <c r="B4985" s="4" t="s">
        <v>743</v>
      </c>
      <c r="C4985" s="3" t="s">
        <v>744</v>
      </c>
    </row>
    <row r="4986" spans="1:3" ht="27" x14ac:dyDescent="0.15">
      <c r="A4986" s="3">
        <v>2008400630</v>
      </c>
      <c r="B4986" s="4" t="s">
        <v>745</v>
      </c>
      <c r="C4986" s="3" t="s">
        <v>744</v>
      </c>
    </row>
    <row r="4987" spans="1:3" ht="27" x14ac:dyDescent="0.15">
      <c r="A4987" s="3">
        <v>2011411325</v>
      </c>
      <c r="B4987" s="4" t="s">
        <v>2697</v>
      </c>
      <c r="C4987" s="3" t="s">
        <v>744</v>
      </c>
    </row>
    <row r="4988" spans="1:3" ht="27" x14ac:dyDescent="0.15">
      <c r="A4988" s="3">
        <v>2011413811</v>
      </c>
      <c r="B4988" s="4" t="s">
        <v>5725</v>
      </c>
      <c r="C4988" s="3" t="s">
        <v>744</v>
      </c>
    </row>
    <row r="4989" spans="1:3" ht="27" x14ac:dyDescent="0.15">
      <c r="A4989" s="3">
        <v>2011413812</v>
      </c>
      <c r="B4989" s="4" t="s">
        <v>743</v>
      </c>
      <c r="C4989" s="3" t="s">
        <v>744</v>
      </c>
    </row>
    <row r="4990" spans="1:3" x14ac:dyDescent="0.15">
      <c r="A4990" s="3">
        <v>2011413813</v>
      </c>
      <c r="B4990" s="4" t="s">
        <v>5726</v>
      </c>
      <c r="C4990" s="3" t="s">
        <v>744</v>
      </c>
    </row>
    <row r="4991" spans="1:3" ht="27" x14ac:dyDescent="0.15">
      <c r="A4991" s="3">
        <v>2011413814</v>
      </c>
      <c r="B4991" s="4" t="s">
        <v>5727</v>
      </c>
      <c r="C4991" s="3" t="s">
        <v>744</v>
      </c>
    </row>
    <row r="4992" spans="1:3" ht="27" x14ac:dyDescent="0.15">
      <c r="A4992" s="3">
        <v>2011413815</v>
      </c>
      <c r="B4992" s="4" t="s">
        <v>5728</v>
      </c>
      <c r="C4992" s="3" t="s">
        <v>744</v>
      </c>
    </row>
    <row r="4993" spans="1:3" ht="27" x14ac:dyDescent="0.15">
      <c r="A4993" s="3">
        <v>2011413816</v>
      </c>
      <c r="B4993" s="4" t="s">
        <v>5729</v>
      </c>
      <c r="C4993" s="3" t="s">
        <v>744</v>
      </c>
    </row>
    <row r="4994" spans="1:3" x14ac:dyDescent="0.15">
      <c r="A4994" s="3">
        <v>2011413817</v>
      </c>
      <c r="B4994" s="4" t="s">
        <v>5730</v>
      </c>
      <c r="C4994" s="3" t="s">
        <v>744</v>
      </c>
    </row>
    <row r="4995" spans="1:3" ht="27" x14ac:dyDescent="0.15">
      <c r="A4995" s="3">
        <v>2011413827</v>
      </c>
      <c r="B4995" s="4" t="s">
        <v>5749</v>
      </c>
      <c r="C4995" s="3" t="s">
        <v>5750</v>
      </c>
    </row>
    <row r="4996" spans="1:3" ht="27" x14ac:dyDescent="0.15">
      <c r="A4996" s="3">
        <v>2011413828</v>
      </c>
      <c r="B4996" s="4" t="s">
        <v>5751</v>
      </c>
      <c r="C4996" s="3" t="s">
        <v>5750</v>
      </c>
    </row>
    <row r="4997" spans="1:3" ht="27" x14ac:dyDescent="0.15">
      <c r="A4997" s="3">
        <v>2011413829</v>
      </c>
      <c r="B4997" s="4" t="s">
        <v>5752</v>
      </c>
      <c r="C4997" s="3" t="s">
        <v>5750</v>
      </c>
    </row>
    <row r="4998" spans="1:3" ht="27" x14ac:dyDescent="0.15">
      <c r="A4998" s="3">
        <v>2011413830</v>
      </c>
      <c r="B4998" s="4" t="s">
        <v>5752</v>
      </c>
      <c r="C4998" s="3" t="s">
        <v>5750</v>
      </c>
    </row>
    <row r="4999" spans="1:3" ht="27" x14ac:dyDescent="0.15">
      <c r="A4999" s="3">
        <v>2011413831</v>
      </c>
      <c r="B4999" s="4" t="s">
        <v>5753</v>
      </c>
      <c r="C4999" s="3" t="s">
        <v>5750</v>
      </c>
    </row>
    <row r="5000" spans="1:3" ht="27" x14ac:dyDescent="0.15">
      <c r="A5000" s="3">
        <v>2011413832</v>
      </c>
      <c r="B5000" s="4" t="s">
        <v>5754</v>
      </c>
      <c r="C5000" s="3" t="s">
        <v>5750</v>
      </c>
    </row>
    <row r="5001" spans="1:3" ht="27" x14ac:dyDescent="0.15">
      <c r="A5001" s="3">
        <v>2011413873</v>
      </c>
      <c r="B5001" s="4" t="s">
        <v>5819</v>
      </c>
      <c r="C5001" s="3" t="s">
        <v>5750</v>
      </c>
    </row>
    <row r="5002" spans="1:3" ht="27" x14ac:dyDescent="0.15">
      <c r="A5002" s="3">
        <v>2011413835</v>
      </c>
      <c r="B5002" s="4" t="s">
        <v>5757</v>
      </c>
      <c r="C5002" s="3" t="s">
        <v>5758</v>
      </c>
    </row>
    <row r="5003" spans="1:3" ht="27" x14ac:dyDescent="0.15">
      <c r="A5003" s="3">
        <v>2011413836</v>
      </c>
      <c r="B5003" s="4" t="s">
        <v>5759</v>
      </c>
      <c r="C5003" s="3" t="s">
        <v>5758</v>
      </c>
    </row>
    <row r="5004" spans="1:3" x14ac:dyDescent="0.15">
      <c r="A5004" s="3">
        <v>2011414282</v>
      </c>
      <c r="B5004" s="4" t="s">
        <v>6391</v>
      </c>
      <c r="C5004" s="3" t="s">
        <v>5758</v>
      </c>
    </row>
    <row r="5005" spans="1:3" ht="27" x14ac:dyDescent="0.15">
      <c r="A5005" s="3">
        <v>2011413837</v>
      </c>
      <c r="B5005" s="4" t="s">
        <v>5760</v>
      </c>
      <c r="C5005" s="3" t="s">
        <v>5761</v>
      </c>
    </row>
    <row r="5006" spans="1:3" ht="27" x14ac:dyDescent="0.15">
      <c r="A5006" s="3">
        <v>2011413874</v>
      </c>
      <c r="B5006" s="4" t="s">
        <v>5820</v>
      </c>
      <c r="C5006" s="3" t="s">
        <v>5821</v>
      </c>
    </row>
    <row r="5007" spans="1:3" x14ac:dyDescent="0.15">
      <c r="A5007" s="3">
        <v>2011413895</v>
      </c>
      <c r="B5007" s="4" t="s">
        <v>5855</v>
      </c>
      <c r="C5007" s="3" t="s">
        <v>5856</v>
      </c>
    </row>
    <row r="5008" spans="1:3" ht="27" x14ac:dyDescent="0.15">
      <c r="A5008" s="3">
        <v>2011413890</v>
      </c>
      <c r="B5008" s="4" t="s">
        <v>5845</v>
      </c>
      <c r="C5008" s="3" t="s">
        <v>5846</v>
      </c>
    </row>
    <row r="5009" spans="1:3" ht="27" x14ac:dyDescent="0.15">
      <c r="A5009" s="3">
        <v>2011410728</v>
      </c>
      <c r="B5009" s="4" t="s">
        <v>2019</v>
      </c>
      <c r="C5009" s="3" t="s">
        <v>2020</v>
      </c>
    </row>
    <row r="5010" spans="1:3" ht="27" x14ac:dyDescent="0.15">
      <c r="A5010" s="3">
        <v>2011413892</v>
      </c>
      <c r="B5010" s="4" t="s">
        <v>5849</v>
      </c>
      <c r="C5010" s="3" t="s">
        <v>5850</v>
      </c>
    </row>
    <row r="5011" spans="1:3" ht="27" x14ac:dyDescent="0.15">
      <c r="A5011" s="3">
        <v>2011413848</v>
      </c>
      <c r="B5011" s="4" t="s">
        <v>5777</v>
      </c>
      <c r="C5011" s="3" t="s">
        <v>5778</v>
      </c>
    </row>
    <row r="5012" spans="1:3" ht="27" x14ac:dyDescent="0.15">
      <c r="A5012" s="3">
        <v>2011413889</v>
      </c>
      <c r="B5012" s="4" t="s">
        <v>5844</v>
      </c>
      <c r="C5012" s="3" t="s">
        <v>5778</v>
      </c>
    </row>
    <row r="5013" spans="1:3" ht="27" x14ac:dyDescent="0.15">
      <c r="A5013" s="3">
        <v>2011413826</v>
      </c>
      <c r="B5013" s="4" t="s">
        <v>5747</v>
      </c>
      <c r="C5013" s="3" t="s">
        <v>5748</v>
      </c>
    </row>
    <row r="5014" spans="1:3" ht="40.5" x14ac:dyDescent="0.15">
      <c r="A5014" s="3">
        <v>2011413847</v>
      </c>
      <c r="B5014" s="4" t="s">
        <v>5775</v>
      </c>
      <c r="C5014" s="3" t="s">
        <v>5776</v>
      </c>
    </row>
    <row r="5015" spans="1:3" ht="27" x14ac:dyDescent="0.15">
      <c r="A5015" s="3">
        <v>2011413887</v>
      </c>
      <c r="B5015" s="4" t="s">
        <v>5841</v>
      </c>
      <c r="C5015" s="3" t="s">
        <v>5776</v>
      </c>
    </row>
    <row r="5016" spans="1:3" x14ac:dyDescent="0.15">
      <c r="A5016" s="3">
        <v>2011413846</v>
      </c>
      <c r="B5016" s="4" t="s">
        <v>5773</v>
      </c>
      <c r="C5016" s="3" t="s">
        <v>5774</v>
      </c>
    </row>
    <row r="5017" spans="1:3" ht="40.5" x14ac:dyDescent="0.15">
      <c r="A5017" s="3">
        <v>2011413886</v>
      </c>
      <c r="B5017" s="4" t="s">
        <v>5839</v>
      </c>
      <c r="C5017" s="3" t="s">
        <v>5840</v>
      </c>
    </row>
    <row r="5018" spans="1:3" ht="27" x14ac:dyDescent="0.15">
      <c r="A5018" s="3">
        <v>2011413888</v>
      </c>
      <c r="B5018" s="4" t="s">
        <v>5842</v>
      </c>
      <c r="C5018" s="3" t="s">
        <v>5843</v>
      </c>
    </row>
    <row r="5019" spans="1:3" ht="27" x14ac:dyDescent="0.15">
      <c r="A5019" s="3">
        <v>2011413371</v>
      </c>
      <c r="B5019" s="4" t="s">
        <v>5163</v>
      </c>
      <c r="C5019" s="3" t="s">
        <v>5164</v>
      </c>
    </row>
    <row r="5020" spans="1:3" ht="27" x14ac:dyDescent="0.15">
      <c r="A5020" s="3">
        <v>2011413891</v>
      </c>
      <c r="B5020" s="4" t="s">
        <v>5847</v>
      </c>
      <c r="C5020" s="3" t="s">
        <v>5848</v>
      </c>
    </row>
    <row r="5021" spans="1:3" ht="27" x14ac:dyDescent="0.15">
      <c r="A5021" s="3">
        <v>2011413880</v>
      </c>
      <c r="B5021" s="4" t="s">
        <v>5832</v>
      </c>
      <c r="C5021" s="3" t="s">
        <v>5833</v>
      </c>
    </row>
    <row r="5022" spans="1:3" ht="27" x14ac:dyDescent="0.15">
      <c r="A5022" s="3">
        <v>2011413885</v>
      </c>
      <c r="B5022" s="4" t="s">
        <v>5838</v>
      </c>
      <c r="C5022" s="3" t="s">
        <v>5833</v>
      </c>
    </row>
    <row r="5023" spans="1:3" ht="40.5" x14ac:dyDescent="0.15">
      <c r="A5023" s="3">
        <v>2011410056</v>
      </c>
      <c r="B5023" s="4" t="s">
        <v>1148</v>
      </c>
      <c r="C5023" s="3" t="s">
        <v>1149</v>
      </c>
    </row>
    <row r="5024" spans="1:3" ht="27" x14ac:dyDescent="0.15">
      <c r="A5024" s="3">
        <v>2011413841</v>
      </c>
      <c r="B5024" s="4" t="s">
        <v>5768</v>
      </c>
      <c r="C5024" s="3" t="s">
        <v>1149</v>
      </c>
    </row>
    <row r="5025" spans="1:3" ht="40.5" x14ac:dyDescent="0.15">
      <c r="A5025" s="3">
        <v>2011413842</v>
      </c>
      <c r="B5025" s="4" t="s">
        <v>5769</v>
      </c>
      <c r="C5025" s="3" t="s">
        <v>1149</v>
      </c>
    </row>
    <row r="5026" spans="1:3" ht="27" x14ac:dyDescent="0.15">
      <c r="A5026" s="3">
        <v>2011413843</v>
      </c>
      <c r="B5026" s="4" t="s">
        <v>5770</v>
      </c>
      <c r="C5026" s="3" t="s">
        <v>1149</v>
      </c>
    </row>
    <row r="5027" spans="1:3" ht="27" x14ac:dyDescent="0.15">
      <c r="A5027" s="3">
        <v>2011413844</v>
      </c>
      <c r="B5027" s="4" t="s">
        <v>5771</v>
      </c>
      <c r="C5027" s="3" t="s">
        <v>1149</v>
      </c>
    </row>
    <row r="5028" spans="1:3" ht="40.5" x14ac:dyDescent="0.15">
      <c r="A5028" s="3">
        <v>2011413845</v>
      </c>
      <c r="B5028" s="4" t="s">
        <v>5772</v>
      </c>
      <c r="C5028" s="3" t="s">
        <v>1149</v>
      </c>
    </row>
    <row r="5029" spans="1:3" ht="40.5" x14ac:dyDescent="0.15">
      <c r="A5029" s="3">
        <v>2011413881</v>
      </c>
      <c r="B5029" s="4" t="s">
        <v>5834</v>
      </c>
      <c r="C5029" s="3" t="s">
        <v>1149</v>
      </c>
    </row>
    <row r="5030" spans="1:3" ht="27" x14ac:dyDescent="0.15">
      <c r="A5030" s="3">
        <v>2011413882</v>
      </c>
      <c r="B5030" s="4" t="s">
        <v>5835</v>
      </c>
      <c r="C5030" s="3" t="s">
        <v>1149</v>
      </c>
    </row>
    <row r="5031" spans="1:3" ht="27" x14ac:dyDescent="0.15">
      <c r="A5031" s="3">
        <v>2011413883</v>
      </c>
      <c r="B5031" s="4" t="s">
        <v>5836</v>
      </c>
      <c r="C5031" s="3" t="s">
        <v>1149</v>
      </c>
    </row>
    <row r="5032" spans="1:3" ht="27" x14ac:dyDescent="0.15">
      <c r="A5032" s="3">
        <v>2011413884</v>
      </c>
      <c r="B5032" s="4" t="s">
        <v>5837</v>
      </c>
      <c r="C5032" s="3" t="s">
        <v>1149</v>
      </c>
    </row>
    <row r="5033" spans="1:3" ht="27" x14ac:dyDescent="0.15">
      <c r="A5033" s="3">
        <v>2011410075</v>
      </c>
      <c r="B5033" s="4" t="s">
        <v>1179</v>
      </c>
      <c r="C5033" s="3" t="s">
        <v>1180</v>
      </c>
    </row>
    <row r="5034" spans="1:3" ht="27" x14ac:dyDescent="0.15">
      <c r="A5034" s="3">
        <v>2008400889</v>
      </c>
      <c r="B5034" s="4" t="s">
        <v>1035</v>
      </c>
      <c r="C5034" s="3" t="s">
        <v>1036</v>
      </c>
    </row>
    <row r="5035" spans="1:3" x14ac:dyDescent="0.15">
      <c r="A5035" s="3">
        <v>2011413858</v>
      </c>
      <c r="B5035" s="4" t="s">
        <v>5791</v>
      </c>
      <c r="C5035" s="3" t="s">
        <v>5792</v>
      </c>
    </row>
    <row r="5036" spans="1:3" x14ac:dyDescent="0.15">
      <c r="A5036" s="3">
        <v>2011413859</v>
      </c>
      <c r="B5036" s="4" t="s">
        <v>5793</v>
      </c>
      <c r="C5036" s="3" t="s">
        <v>5792</v>
      </c>
    </row>
    <row r="5037" spans="1:3" x14ac:dyDescent="0.15">
      <c r="A5037" s="3">
        <v>2011413862</v>
      </c>
      <c r="B5037" s="4" t="s">
        <v>5798</v>
      </c>
      <c r="C5037" s="3" t="s">
        <v>5799</v>
      </c>
    </row>
    <row r="5038" spans="1:3" ht="40.5" x14ac:dyDescent="0.15">
      <c r="A5038" s="3">
        <v>2011413879</v>
      </c>
      <c r="B5038" s="4" t="s">
        <v>5830</v>
      </c>
      <c r="C5038" s="3" t="s">
        <v>5831</v>
      </c>
    </row>
    <row r="5039" spans="1:3" x14ac:dyDescent="0.15">
      <c r="A5039" s="3">
        <v>2011413904</v>
      </c>
      <c r="B5039" s="4" t="s">
        <v>5869</v>
      </c>
      <c r="C5039" s="3" t="s">
        <v>5870</v>
      </c>
    </row>
    <row r="5040" spans="1:3" x14ac:dyDescent="0.15">
      <c r="A5040" s="3">
        <v>2011413905</v>
      </c>
      <c r="B5040" s="4" t="s">
        <v>5871</v>
      </c>
      <c r="C5040" s="3" t="s">
        <v>5870</v>
      </c>
    </row>
    <row r="5041" spans="1:3" ht="27" x14ac:dyDescent="0.15">
      <c r="A5041" s="3">
        <v>2011413920</v>
      </c>
      <c r="B5041" s="4" t="s">
        <v>5887</v>
      </c>
      <c r="C5041" s="3" t="s">
        <v>5870</v>
      </c>
    </row>
    <row r="5042" spans="1:3" ht="27" x14ac:dyDescent="0.15">
      <c r="A5042" s="3">
        <v>2011413921</v>
      </c>
      <c r="B5042" s="4" t="s">
        <v>5888</v>
      </c>
      <c r="C5042" s="3" t="s">
        <v>5870</v>
      </c>
    </row>
    <row r="5043" spans="1:3" ht="27" x14ac:dyDescent="0.15">
      <c r="A5043" s="3">
        <v>2011413906</v>
      </c>
      <c r="B5043" s="4" t="s">
        <v>5872</v>
      </c>
      <c r="C5043" s="3" t="s">
        <v>5873</v>
      </c>
    </row>
    <row r="5044" spans="1:3" ht="27" x14ac:dyDescent="0.15">
      <c r="A5044" s="3">
        <v>2011413907</v>
      </c>
      <c r="B5044" s="4" t="s">
        <v>5874</v>
      </c>
      <c r="C5044" s="3" t="s">
        <v>5873</v>
      </c>
    </row>
    <row r="5045" spans="1:3" ht="27" x14ac:dyDescent="0.15">
      <c r="A5045" s="3">
        <v>2011413908</v>
      </c>
      <c r="B5045" s="4" t="s">
        <v>5875</v>
      </c>
      <c r="C5045" s="3" t="s">
        <v>5873</v>
      </c>
    </row>
    <row r="5046" spans="1:3" ht="27" x14ac:dyDescent="0.15">
      <c r="A5046" s="3">
        <v>2011413909</v>
      </c>
      <c r="B5046" s="4" t="s">
        <v>5876</v>
      </c>
      <c r="C5046" s="3" t="s">
        <v>5873</v>
      </c>
    </row>
    <row r="5047" spans="1:3" x14ac:dyDescent="0.15">
      <c r="A5047" s="3">
        <v>2011413910</v>
      </c>
      <c r="B5047" s="4" t="s">
        <v>5877</v>
      </c>
      <c r="C5047" s="3" t="s">
        <v>5873</v>
      </c>
    </row>
    <row r="5048" spans="1:3" ht="27" x14ac:dyDescent="0.15">
      <c r="A5048" s="3">
        <v>2011413911</v>
      </c>
      <c r="B5048" s="4" t="s">
        <v>5878</v>
      </c>
      <c r="C5048" s="3" t="s">
        <v>5873</v>
      </c>
    </row>
    <row r="5049" spans="1:3" ht="27" x14ac:dyDescent="0.15">
      <c r="A5049" s="3">
        <v>2011413912</v>
      </c>
      <c r="B5049" s="4" t="s">
        <v>5879</v>
      </c>
      <c r="C5049" s="3" t="s">
        <v>5873</v>
      </c>
    </row>
    <row r="5050" spans="1:3" ht="27" x14ac:dyDescent="0.15">
      <c r="A5050" s="3">
        <v>2011413913</v>
      </c>
      <c r="B5050" s="4" t="s">
        <v>5880</v>
      </c>
      <c r="C5050" s="3" t="s">
        <v>5873</v>
      </c>
    </row>
    <row r="5051" spans="1:3" ht="27" x14ac:dyDescent="0.15">
      <c r="A5051" s="3">
        <v>2011413914</v>
      </c>
      <c r="B5051" s="4" t="s">
        <v>5881</v>
      </c>
      <c r="C5051" s="3" t="s">
        <v>5873</v>
      </c>
    </row>
    <row r="5052" spans="1:3" ht="27" x14ac:dyDescent="0.15">
      <c r="A5052" s="3">
        <v>2011413915</v>
      </c>
      <c r="B5052" s="4" t="s">
        <v>5878</v>
      </c>
      <c r="C5052" s="3" t="s">
        <v>5873</v>
      </c>
    </row>
    <row r="5053" spans="1:3" ht="27" x14ac:dyDescent="0.15">
      <c r="A5053" s="3">
        <v>2011413916</v>
      </c>
      <c r="B5053" s="4" t="s">
        <v>5882</v>
      </c>
      <c r="C5053" s="3" t="s">
        <v>5873</v>
      </c>
    </row>
    <row r="5054" spans="1:3" ht="27" x14ac:dyDescent="0.15">
      <c r="A5054" s="3">
        <v>2011413918</v>
      </c>
      <c r="B5054" s="4" t="s">
        <v>5885</v>
      </c>
      <c r="C5054" s="3" t="s">
        <v>5873</v>
      </c>
    </row>
    <row r="5055" spans="1:3" x14ac:dyDescent="0.15">
      <c r="A5055" s="3">
        <v>2011413922</v>
      </c>
      <c r="B5055" s="4" t="s">
        <v>5889</v>
      </c>
      <c r="C5055" s="3" t="s">
        <v>5873</v>
      </c>
    </row>
    <row r="5056" spans="1:3" x14ac:dyDescent="0.15">
      <c r="A5056" s="3">
        <v>2011413923</v>
      </c>
      <c r="B5056" s="4" t="s">
        <v>5890</v>
      </c>
      <c r="C5056" s="3" t="s">
        <v>5873</v>
      </c>
    </row>
    <row r="5057" spans="1:3" x14ac:dyDescent="0.15">
      <c r="A5057" s="3">
        <v>2011413924</v>
      </c>
      <c r="B5057" s="4" t="s">
        <v>5891</v>
      </c>
      <c r="C5057" s="3" t="s">
        <v>5873</v>
      </c>
    </row>
    <row r="5058" spans="1:3" x14ac:dyDescent="0.15">
      <c r="A5058" s="3">
        <v>2011413925</v>
      </c>
      <c r="B5058" s="4" t="s">
        <v>5892</v>
      </c>
      <c r="C5058" s="3" t="s">
        <v>5873</v>
      </c>
    </row>
    <row r="5059" spans="1:3" ht="27" x14ac:dyDescent="0.15">
      <c r="A5059" s="3">
        <v>2011413926</v>
      </c>
      <c r="B5059" s="4" t="s">
        <v>5893</v>
      </c>
      <c r="C5059" s="3" t="s">
        <v>5873</v>
      </c>
    </row>
    <row r="5060" spans="1:3" ht="40.5" x14ac:dyDescent="0.15">
      <c r="A5060" s="3">
        <v>2011410239</v>
      </c>
      <c r="B5060" s="4" t="s">
        <v>1396</v>
      </c>
      <c r="C5060" s="3" t="s">
        <v>1397</v>
      </c>
    </row>
    <row r="5061" spans="1:3" x14ac:dyDescent="0.15">
      <c r="A5061" s="3">
        <v>2011411944</v>
      </c>
      <c r="B5061" s="4" t="s">
        <v>3442</v>
      </c>
      <c r="C5061" s="3" t="s">
        <v>1397</v>
      </c>
    </row>
    <row r="5062" spans="1:3" x14ac:dyDescent="0.15">
      <c r="A5062" s="3">
        <v>2011413997</v>
      </c>
      <c r="B5062" s="4" t="s">
        <v>5990</v>
      </c>
      <c r="C5062" s="3" t="s">
        <v>1397</v>
      </c>
    </row>
    <row r="5063" spans="1:3" ht="27" x14ac:dyDescent="0.15">
      <c r="A5063" s="3">
        <v>2011413998</v>
      </c>
      <c r="B5063" s="4" t="s">
        <v>5991</v>
      </c>
      <c r="C5063" s="3" t="s">
        <v>1397</v>
      </c>
    </row>
    <row r="5064" spans="1:3" ht="27" x14ac:dyDescent="0.15">
      <c r="A5064" s="3">
        <v>2011413999</v>
      </c>
      <c r="B5064" s="4" t="s">
        <v>5992</v>
      </c>
      <c r="C5064" s="3" t="s">
        <v>1397</v>
      </c>
    </row>
    <row r="5065" spans="1:3" ht="27" x14ac:dyDescent="0.15">
      <c r="A5065" s="3">
        <v>2011414121</v>
      </c>
      <c r="B5065" s="4" t="s">
        <v>6162</v>
      </c>
      <c r="C5065" s="3" t="s">
        <v>1397</v>
      </c>
    </row>
    <row r="5066" spans="1:3" ht="40.5" x14ac:dyDescent="0.15">
      <c r="A5066" s="3">
        <v>2011414543</v>
      </c>
      <c r="B5066" s="4" t="s">
        <v>1396</v>
      </c>
      <c r="C5066" s="3" t="s">
        <v>1397</v>
      </c>
    </row>
    <row r="5067" spans="1:3" x14ac:dyDescent="0.15">
      <c r="A5067" s="3">
        <v>2011413927</v>
      </c>
      <c r="B5067" s="4" t="s">
        <v>5894</v>
      </c>
      <c r="C5067" s="3" t="s">
        <v>5895</v>
      </c>
    </row>
    <row r="5068" spans="1:3" x14ac:dyDescent="0.15">
      <c r="A5068" s="3">
        <v>2011413928</v>
      </c>
      <c r="B5068" s="4" t="s">
        <v>5896</v>
      </c>
      <c r="C5068" s="3" t="s">
        <v>5897</v>
      </c>
    </row>
    <row r="5069" spans="1:3" ht="27" x14ac:dyDescent="0.15">
      <c r="A5069" s="3">
        <v>2008400635</v>
      </c>
      <c r="B5069" s="4" t="s">
        <v>751</v>
      </c>
      <c r="C5069" s="3" t="s">
        <v>752</v>
      </c>
    </row>
    <row r="5070" spans="1:3" ht="40.5" x14ac:dyDescent="0.15">
      <c r="A5070" s="3">
        <v>2008400895</v>
      </c>
      <c r="B5070" s="4" t="s">
        <v>1043</v>
      </c>
      <c r="C5070" s="3" t="s">
        <v>752</v>
      </c>
    </row>
    <row r="5071" spans="1:3" ht="27" x14ac:dyDescent="0.15">
      <c r="A5071" s="3">
        <v>2008400896</v>
      </c>
      <c r="B5071" s="4" t="s">
        <v>751</v>
      </c>
      <c r="C5071" s="3" t="s">
        <v>752</v>
      </c>
    </row>
    <row r="5072" spans="1:3" ht="27" x14ac:dyDescent="0.15">
      <c r="A5072" s="3">
        <v>2008400897</v>
      </c>
      <c r="B5072" s="4" t="s">
        <v>1044</v>
      </c>
      <c r="C5072" s="3" t="s">
        <v>752</v>
      </c>
    </row>
    <row r="5073" spans="1:3" x14ac:dyDescent="0.15">
      <c r="A5073" s="3">
        <v>2011412471</v>
      </c>
      <c r="B5073" s="4" t="s">
        <v>4071</v>
      </c>
      <c r="C5073" s="3" t="s">
        <v>752</v>
      </c>
    </row>
    <row r="5074" spans="1:3" ht="27" x14ac:dyDescent="0.15">
      <c r="A5074" s="3">
        <v>2011413931</v>
      </c>
      <c r="B5074" s="4" t="s">
        <v>751</v>
      </c>
      <c r="C5074" s="3" t="s">
        <v>752</v>
      </c>
    </row>
    <row r="5075" spans="1:3" ht="27" x14ac:dyDescent="0.15">
      <c r="A5075" s="3">
        <v>2011413964</v>
      </c>
      <c r="B5075" s="4" t="s">
        <v>5945</v>
      </c>
      <c r="C5075" s="3" t="s">
        <v>5946</v>
      </c>
    </row>
    <row r="5076" spans="1:3" ht="27" x14ac:dyDescent="0.15">
      <c r="A5076" s="3">
        <v>2011413965</v>
      </c>
      <c r="B5076" s="4" t="s">
        <v>5947</v>
      </c>
      <c r="C5076" s="3" t="s">
        <v>5946</v>
      </c>
    </row>
    <row r="5077" spans="1:3" x14ac:dyDescent="0.15">
      <c r="A5077" s="3">
        <v>2011414070</v>
      </c>
      <c r="B5077" s="4" t="s">
        <v>6079</v>
      </c>
      <c r="C5077" s="3" t="s">
        <v>5946</v>
      </c>
    </row>
    <row r="5078" spans="1:3" x14ac:dyDescent="0.15">
      <c r="A5078" s="3">
        <v>2011414071</v>
      </c>
      <c r="B5078" s="4" t="s">
        <v>6080</v>
      </c>
      <c r="C5078" s="3" t="s">
        <v>5946</v>
      </c>
    </row>
    <row r="5079" spans="1:3" x14ac:dyDescent="0.15">
      <c r="A5079" s="3">
        <v>2011414072</v>
      </c>
      <c r="B5079" s="4" t="s">
        <v>6081</v>
      </c>
      <c r="C5079" s="3" t="s">
        <v>5946</v>
      </c>
    </row>
    <row r="5080" spans="1:3" ht="27" x14ac:dyDescent="0.15">
      <c r="A5080" s="3">
        <v>2011414073</v>
      </c>
      <c r="B5080" s="4" t="s">
        <v>6082</v>
      </c>
      <c r="C5080" s="3" t="s">
        <v>5946</v>
      </c>
    </row>
    <row r="5081" spans="1:3" x14ac:dyDescent="0.15">
      <c r="A5081" s="3">
        <v>2011414074</v>
      </c>
      <c r="B5081" s="4" t="s">
        <v>6083</v>
      </c>
      <c r="C5081" s="3" t="s">
        <v>5946</v>
      </c>
    </row>
    <row r="5082" spans="1:3" ht="27" x14ac:dyDescent="0.15">
      <c r="A5082" s="3">
        <v>2011413967</v>
      </c>
      <c r="B5082" s="4" t="s">
        <v>5950</v>
      </c>
      <c r="C5082" s="3" t="s">
        <v>5951</v>
      </c>
    </row>
    <row r="5083" spans="1:3" x14ac:dyDescent="0.15">
      <c r="A5083" s="3">
        <v>2011413969</v>
      </c>
      <c r="B5083" s="4" t="s">
        <v>5954</v>
      </c>
      <c r="C5083" s="3" t="s">
        <v>5955</v>
      </c>
    </row>
    <row r="5084" spans="1:3" ht="27" x14ac:dyDescent="0.15">
      <c r="A5084" s="3">
        <v>2008400637</v>
      </c>
      <c r="B5084" s="4" t="s">
        <v>755</v>
      </c>
      <c r="C5084" s="3" t="s">
        <v>756</v>
      </c>
    </row>
    <row r="5085" spans="1:3" ht="27" x14ac:dyDescent="0.15">
      <c r="A5085" s="3">
        <v>2008400898</v>
      </c>
      <c r="B5085" s="4" t="s">
        <v>1045</v>
      </c>
      <c r="C5085" s="3" t="s">
        <v>756</v>
      </c>
    </row>
    <row r="5086" spans="1:3" ht="40.5" x14ac:dyDescent="0.15">
      <c r="A5086" s="3">
        <v>2011413949</v>
      </c>
      <c r="B5086" s="4" t="s">
        <v>5927</v>
      </c>
      <c r="C5086" s="3" t="s">
        <v>756</v>
      </c>
    </row>
    <row r="5087" spans="1:3" ht="27" x14ac:dyDescent="0.15">
      <c r="A5087" s="3">
        <v>2011413950</v>
      </c>
      <c r="B5087" s="4" t="s">
        <v>5928</v>
      </c>
      <c r="C5087" s="3" t="s">
        <v>756</v>
      </c>
    </row>
    <row r="5088" spans="1:3" x14ac:dyDescent="0.15">
      <c r="A5088" s="3">
        <v>2011413957</v>
      </c>
      <c r="B5088" s="4" t="s">
        <v>5937</v>
      </c>
      <c r="C5088" s="3" t="s">
        <v>756</v>
      </c>
    </row>
    <row r="5089" spans="1:3" x14ac:dyDescent="0.15">
      <c r="A5089" s="3">
        <v>2011414076</v>
      </c>
      <c r="B5089" s="4" t="s">
        <v>6085</v>
      </c>
      <c r="C5089" s="3" t="s">
        <v>756</v>
      </c>
    </row>
    <row r="5090" spans="1:3" x14ac:dyDescent="0.15">
      <c r="A5090" s="3">
        <v>2008400899</v>
      </c>
      <c r="B5090" s="4" t="s">
        <v>1046</v>
      </c>
      <c r="C5090" s="3" t="s">
        <v>1047</v>
      </c>
    </row>
    <row r="5091" spans="1:3" x14ac:dyDescent="0.15">
      <c r="A5091" s="3">
        <v>2011413961</v>
      </c>
      <c r="B5091" s="4" t="s">
        <v>5942</v>
      </c>
      <c r="C5091" s="3" t="s">
        <v>1047</v>
      </c>
    </row>
    <row r="5092" spans="1:3" x14ac:dyDescent="0.15">
      <c r="A5092" s="3">
        <v>2011413962</v>
      </c>
      <c r="B5092" s="4" t="s">
        <v>5943</v>
      </c>
      <c r="C5092" s="3" t="s">
        <v>1047</v>
      </c>
    </row>
    <row r="5093" spans="1:3" x14ac:dyDescent="0.15">
      <c r="A5093" s="3">
        <v>2011413963</v>
      </c>
      <c r="B5093" s="4" t="s">
        <v>5944</v>
      </c>
      <c r="C5093" s="3" t="s">
        <v>1047</v>
      </c>
    </row>
    <row r="5094" spans="1:3" x14ac:dyDescent="0.15">
      <c r="A5094" s="3">
        <v>2011413974</v>
      </c>
      <c r="B5094" s="4" t="s">
        <v>5961</v>
      </c>
      <c r="C5094" s="3" t="s">
        <v>5962</v>
      </c>
    </row>
    <row r="5095" spans="1:3" ht="27" x14ac:dyDescent="0.15">
      <c r="A5095" s="3">
        <v>2011413975</v>
      </c>
      <c r="B5095" s="4" t="s">
        <v>5963</v>
      </c>
      <c r="C5095" s="3" t="s">
        <v>5962</v>
      </c>
    </row>
    <row r="5096" spans="1:3" ht="27" x14ac:dyDescent="0.15">
      <c r="A5096" s="3">
        <v>2011413976</v>
      </c>
      <c r="B5096" s="4" t="s">
        <v>5963</v>
      </c>
      <c r="C5096" s="3" t="s">
        <v>5962</v>
      </c>
    </row>
    <row r="5097" spans="1:3" ht="27" x14ac:dyDescent="0.15">
      <c r="A5097" s="3">
        <v>2011414079</v>
      </c>
      <c r="B5097" s="4" t="s">
        <v>6089</v>
      </c>
      <c r="C5097" s="3" t="s">
        <v>5962</v>
      </c>
    </row>
    <row r="5098" spans="1:3" ht="27" x14ac:dyDescent="0.15">
      <c r="A5098" s="3">
        <v>2011414377</v>
      </c>
      <c r="B5098" s="4" t="s">
        <v>6506</v>
      </c>
      <c r="C5098" s="3" t="s">
        <v>5962</v>
      </c>
    </row>
    <row r="5099" spans="1:3" x14ac:dyDescent="0.15">
      <c r="A5099" s="3">
        <v>2011414081</v>
      </c>
      <c r="B5099" s="4" t="s">
        <v>6091</v>
      </c>
      <c r="C5099" s="3" t="s">
        <v>6092</v>
      </c>
    </row>
    <row r="5100" spans="1:3" ht="54" x14ac:dyDescent="0.15">
      <c r="A5100" s="3">
        <v>2011414369</v>
      </c>
      <c r="B5100" s="4" t="s">
        <v>6492</v>
      </c>
      <c r="C5100" s="3" t="s">
        <v>6493</v>
      </c>
    </row>
    <row r="5101" spans="1:3" ht="27" x14ac:dyDescent="0.15">
      <c r="A5101" s="3">
        <v>2011414131</v>
      </c>
      <c r="B5101" s="4" t="s">
        <v>6172</v>
      </c>
      <c r="C5101" s="3" t="s">
        <v>6173</v>
      </c>
    </row>
    <row r="5102" spans="1:3" ht="40.5" x14ac:dyDescent="0.15">
      <c r="A5102" s="3">
        <v>2011414130</v>
      </c>
      <c r="B5102" s="4" t="s">
        <v>6170</v>
      </c>
      <c r="C5102" s="3" t="s">
        <v>6171</v>
      </c>
    </row>
    <row r="5103" spans="1:3" ht="40.5" x14ac:dyDescent="0.15">
      <c r="A5103" s="3">
        <v>2011410085</v>
      </c>
      <c r="B5103" s="4" t="s">
        <v>1199</v>
      </c>
      <c r="C5103" s="3" t="s">
        <v>1200</v>
      </c>
    </row>
    <row r="5104" spans="1:3" ht="40.5" x14ac:dyDescent="0.15">
      <c r="A5104" s="3">
        <v>2011410086</v>
      </c>
      <c r="B5104" s="4" t="s">
        <v>1199</v>
      </c>
      <c r="C5104" s="3" t="s">
        <v>1200</v>
      </c>
    </row>
    <row r="5105" spans="1:3" ht="27" x14ac:dyDescent="0.15">
      <c r="A5105" s="3">
        <v>2011410087</v>
      </c>
      <c r="B5105" s="4" t="s">
        <v>1201</v>
      </c>
      <c r="C5105" s="3" t="s">
        <v>1200</v>
      </c>
    </row>
    <row r="5106" spans="1:3" ht="27" x14ac:dyDescent="0.15">
      <c r="A5106" s="3">
        <v>2011410088</v>
      </c>
      <c r="B5106" s="4" t="s">
        <v>1202</v>
      </c>
      <c r="C5106" s="3" t="s">
        <v>1200</v>
      </c>
    </row>
    <row r="5107" spans="1:3" ht="27" x14ac:dyDescent="0.15">
      <c r="A5107" s="3">
        <v>2011410089</v>
      </c>
      <c r="B5107" s="4" t="s">
        <v>1203</v>
      </c>
      <c r="C5107" s="3" t="s">
        <v>1200</v>
      </c>
    </row>
    <row r="5108" spans="1:3" ht="27" x14ac:dyDescent="0.15">
      <c r="A5108" s="3">
        <v>2011410090</v>
      </c>
      <c r="B5108" s="4" t="s">
        <v>1204</v>
      </c>
      <c r="C5108" s="3" t="s">
        <v>1200</v>
      </c>
    </row>
    <row r="5109" spans="1:3" ht="27" x14ac:dyDescent="0.15">
      <c r="A5109" s="3">
        <v>2011410091</v>
      </c>
      <c r="B5109" s="4" t="s">
        <v>1205</v>
      </c>
      <c r="C5109" s="3" t="s">
        <v>1200</v>
      </c>
    </row>
    <row r="5110" spans="1:3" x14ac:dyDescent="0.15">
      <c r="A5110" s="3">
        <v>2011410092</v>
      </c>
      <c r="B5110" s="4" t="s">
        <v>1206</v>
      </c>
      <c r="C5110" s="3" t="s">
        <v>1200</v>
      </c>
    </row>
    <row r="5111" spans="1:3" x14ac:dyDescent="0.15">
      <c r="A5111" s="3">
        <v>2011410094</v>
      </c>
      <c r="B5111" s="4" t="s">
        <v>1209</v>
      </c>
      <c r="C5111" s="3" t="s">
        <v>1200</v>
      </c>
    </row>
    <row r="5112" spans="1:3" ht="27" x14ac:dyDescent="0.15">
      <c r="A5112" s="3">
        <v>2011414122</v>
      </c>
      <c r="B5112" s="4" t="s">
        <v>6163</v>
      </c>
      <c r="C5112" s="3" t="s">
        <v>1200</v>
      </c>
    </row>
    <row r="5113" spans="1:3" ht="27" x14ac:dyDescent="0.15">
      <c r="A5113" s="3">
        <v>2011414123</v>
      </c>
      <c r="B5113" s="4" t="s">
        <v>6164</v>
      </c>
      <c r="C5113" s="3" t="s">
        <v>1200</v>
      </c>
    </row>
    <row r="5114" spans="1:3" ht="27" x14ac:dyDescent="0.15">
      <c r="A5114" s="3">
        <v>2011414124</v>
      </c>
      <c r="B5114" s="4" t="s">
        <v>6165</v>
      </c>
      <c r="C5114" s="3" t="s">
        <v>1200</v>
      </c>
    </row>
    <row r="5115" spans="1:3" ht="27" x14ac:dyDescent="0.15">
      <c r="A5115" s="3">
        <v>2011414125</v>
      </c>
      <c r="B5115" s="4" t="s">
        <v>6166</v>
      </c>
      <c r="C5115" s="3" t="s">
        <v>1200</v>
      </c>
    </row>
    <row r="5116" spans="1:3" ht="27" x14ac:dyDescent="0.15">
      <c r="A5116" s="3">
        <v>2011414126</v>
      </c>
      <c r="B5116" s="4" t="s">
        <v>1205</v>
      </c>
      <c r="C5116" s="3" t="s">
        <v>1200</v>
      </c>
    </row>
    <row r="5117" spans="1:3" ht="27" x14ac:dyDescent="0.15">
      <c r="A5117" s="3">
        <v>2011414127</v>
      </c>
      <c r="B5117" s="4" t="s">
        <v>6167</v>
      </c>
      <c r="C5117" s="3" t="s">
        <v>1200</v>
      </c>
    </row>
    <row r="5118" spans="1:3" x14ac:dyDescent="0.15">
      <c r="A5118" s="3">
        <v>2011414128</v>
      </c>
      <c r="B5118" s="4" t="s">
        <v>6168</v>
      </c>
      <c r="C5118" s="3" t="s">
        <v>1200</v>
      </c>
    </row>
    <row r="5119" spans="1:3" ht="27" x14ac:dyDescent="0.15">
      <c r="A5119" s="3">
        <v>2011414129</v>
      </c>
      <c r="B5119" s="4" t="s">
        <v>6169</v>
      </c>
      <c r="C5119" s="3" t="s">
        <v>1200</v>
      </c>
    </row>
    <row r="5120" spans="1:3" ht="27" x14ac:dyDescent="0.15">
      <c r="A5120" s="3">
        <v>2011414172</v>
      </c>
      <c r="B5120" s="4" t="s">
        <v>6230</v>
      </c>
      <c r="C5120" s="3" t="s">
        <v>1200</v>
      </c>
    </row>
    <row r="5121" spans="1:3" ht="27" x14ac:dyDescent="0.15">
      <c r="A5121" s="3">
        <v>2011413991</v>
      </c>
      <c r="B5121" s="4" t="s">
        <v>5982</v>
      </c>
      <c r="C5121" s="3" t="s">
        <v>5983</v>
      </c>
    </row>
    <row r="5122" spans="1:3" ht="27" x14ac:dyDescent="0.15">
      <c r="A5122" s="3">
        <v>2011413992</v>
      </c>
      <c r="B5122" s="4" t="s">
        <v>5984</v>
      </c>
      <c r="C5122" s="3" t="s">
        <v>5983</v>
      </c>
    </row>
    <row r="5123" spans="1:3" ht="27" x14ac:dyDescent="0.15">
      <c r="A5123" s="3">
        <v>2011413993</v>
      </c>
      <c r="B5123" s="4" t="s">
        <v>5985</v>
      </c>
      <c r="C5123" s="3" t="s">
        <v>5983</v>
      </c>
    </row>
    <row r="5124" spans="1:3" ht="27" x14ac:dyDescent="0.15">
      <c r="A5124" s="3">
        <v>2011414133</v>
      </c>
      <c r="B5124" s="4" t="s">
        <v>6176</v>
      </c>
      <c r="C5124" s="3" t="s">
        <v>6177</v>
      </c>
    </row>
    <row r="5125" spans="1:3" x14ac:dyDescent="0.15">
      <c r="A5125" s="3">
        <v>2011414000</v>
      </c>
      <c r="B5125" s="4" t="s">
        <v>5993</v>
      </c>
      <c r="C5125" s="3" t="s">
        <v>5994</v>
      </c>
    </row>
    <row r="5126" spans="1:3" x14ac:dyDescent="0.15">
      <c r="A5126" s="3">
        <v>2011414001</v>
      </c>
      <c r="B5126" s="4" t="s">
        <v>5995</v>
      </c>
      <c r="C5126" s="3" t="s">
        <v>5994</v>
      </c>
    </row>
    <row r="5127" spans="1:3" ht="27" x14ac:dyDescent="0.15">
      <c r="A5127" s="3">
        <v>2011414002</v>
      </c>
      <c r="B5127" s="4" t="s">
        <v>5996</v>
      </c>
      <c r="C5127" s="3" t="s">
        <v>5994</v>
      </c>
    </row>
    <row r="5128" spans="1:3" ht="27" x14ac:dyDescent="0.15">
      <c r="A5128" s="3">
        <v>2011414003</v>
      </c>
      <c r="B5128" s="4" t="s">
        <v>5997</v>
      </c>
      <c r="C5128" s="3" t="s">
        <v>5994</v>
      </c>
    </row>
    <row r="5129" spans="1:3" ht="27" x14ac:dyDescent="0.15">
      <c r="A5129" s="3">
        <v>2011414004</v>
      </c>
      <c r="B5129" s="4" t="s">
        <v>5998</v>
      </c>
      <c r="C5129" s="3" t="s">
        <v>5994</v>
      </c>
    </row>
    <row r="5130" spans="1:3" ht="27" x14ac:dyDescent="0.15">
      <c r="A5130" s="3">
        <v>2011414005</v>
      </c>
      <c r="B5130" s="4" t="s">
        <v>5999</v>
      </c>
      <c r="C5130" s="3" t="s">
        <v>5994</v>
      </c>
    </row>
    <row r="5131" spans="1:3" ht="27" x14ac:dyDescent="0.15">
      <c r="A5131" s="3">
        <v>2011414006</v>
      </c>
      <c r="B5131" s="4" t="s">
        <v>6000</v>
      </c>
      <c r="C5131" s="3" t="s">
        <v>5994</v>
      </c>
    </row>
    <row r="5132" spans="1:3" ht="27" x14ac:dyDescent="0.15">
      <c r="A5132" s="3">
        <v>2011414007</v>
      </c>
      <c r="B5132" s="4" t="s">
        <v>6001</v>
      </c>
      <c r="C5132" s="3" t="s">
        <v>5994</v>
      </c>
    </row>
    <row r="5133" spans="1:3" ht="27" x14ac:dyDescent="0.15">
      <c r="A5133" s="3">
        <v>2011414011</v>
      </c>
      <c r="B5133" s="4" t="s">
        <v>6006</v>
      </c>
      <c r="C5133" s="3" t="s">
        <v>6007</v>
      </c>
    </row>
    <row r="5134" spans="1:3" ht="27" x14ac:dyDescent="0.15">
      <c r="A5134" s="3">
        <v>2011414012</v>
      </c>
      <c r="B5134" s="4" t="s">
        <v>6008</v>
      </c>
      <c r="C5134" s="3" t="s">
        <v>6007</v>
      </c>
    </row>
    <row r="5135" spans="1:3" ht="27" x14ac:dyDescent="0.15">
      <c r="A5135" s="3">
        <v>2011414013</v>
      </c>
      <c r="B5135" s="4" t="s">
        <v>6009</v>
      </c>
      <c r="C5135" s="3" t="s">
        <v>6007</v>
      </c>
    </row>
    <row r="5136" spans="1:3" ht="27" x14ac:dyDescent="0.15">
      <c r="A5136" s="3">
        <v>2011414019</v>
      </c>
      <c r="B5136" s="4" t="s">
        <v>6018</v>
      </c>
      <c r="C5136" s="3" t="s">
        <v>6019</v>
      </c>
    </row>
    <row r="5137" spans="1:3" x14ac:dyDescent="0.15">
      <c r="A5137" s="3">
        <v>2011414030</v>
      </c>
      <c r="B5137" s="4" t="s">
        <v>6032</v>
      </c>
      <c r="C5137" s="3" t="s">
        <v>6019</v>
      </c>
    </row>
    <row r="5138" spans="1:3" x14ac:dyDescent="0.15">
      <c r="A5138" s="3">
        <v>2011414031</v>
      </c>
      <c r="B5138" s="4" t="s">
        <v>6032</v>
      </c>
      <c r="C5138" s="3" t="s">
        <v>6019</v>
      </c>
    </row>
    <row r="5139" spans="1:3" x14ac:dyDescent="0.15">
      <c r="A5139" s="3">
        <v>2011414138</v>
      </c>
      <c r="B5139" s="4" t="s">
        <v>6182</v>
      </c>
      <c r="C5139" s="3" t="s">
        <v>6019</v>
      </c>
    </row>
    <row r="5140" spans="1:3" ht="27" x14ac:dyDescent="0.15">
      <c r="A5140" s="3">
        <v>2011414139</v>
      </c>
      <c r="B5140" s="4" t="s">
        <v>6183</v>
      </c>
      <c r="C5140" s="3" t="s">
        <v>6019</v>
      </c>
    </row>
    <row r="5141" spans="1:3" ht="27" x14ac:dyDescent="0.15">
      <c r="A5141" s="3">
        <v>2011414140</v>
      </c>
      <c r="B5141" s="4" t="s">
        <v>6184</v>
      </c>
      <c r="C5141" s="3" t="s">
        <v>6019</v>
      </c>
    </row>
    <row r="5142" spans="1:3" ht="27" x14ac:dyDescent="0.15">
      <c r="A5142" s="3">
        <v>2011414032</v>
      </c>
      <c r="B5142" s="4" t="s">
        <v>6033</v>
      </c>
      <c r="C5142" s="3" t="s">
        <v>6034</v>
      </c>
    </row>
    <row r="5143" spans="1:3" ht="27" x14ac:dyDescent="0.15">
      <c r="A5143" s="3">
        <v>2011414033</v>
      </c>
      <c r="B5143" s="4" t="s">
        <v>6035</v>
      </c>
      <c r="C5143" s="3" t="s">
        <v>6034</v>
      </c>
    </row>
    <row r="5144" spans="1:3" ht="27" x14ac:dyDescent="0.15">
      <c r="A5144" s="3">
        <v>2011414034</v>
      </c>
      <c r="B5144" s="4" t="s">
        <v>6036</v>
      </c>
      <c r="C5144" s="3" t="s">
        <v>6034</v>
      </c>
    </row>
    <row r="5145" spans="1:3" x14ac:dyDescent="0.15">
      <c r="A5145" s="3">
        <v>2011414036</v>
      </c>
      <c r="B5145" s="4" t="s">
        <v>6039</v>
      </c>
      <c r="C5145" s="3" t="s">
        <v>6034</v>
      </c>
    </row>
    <row r="5146" spans="1:3" ht="27" x14ac:dyDescent="0.15">
      <c r="A5146" s="3">
        <v>2011414037</v>
      </c>
      <c r="B5146" s="4" t="s">
        <v>6040</v>
      </c>
      <c r="C5146" s="3" t="s">
        <v>6041</v>
      </c>
    </row>
    <row r="5147" spans="1:3" x14ac:dyDescent="0.15">
      <c r="A5147" s="3">
        <v>2011414041</v>
      </c>
      <c r="B5147" s="4" t="s">
        <v>6047</v>
      </c>
      <c r="C5147" s="3" t="s">
        <v>6048</v>
      </c>
    </row>
    <row r="5148" spans="1:3" x14ac:dyDescent="0.15">
      <c r="A5148" s="3">
        <v>2011414042</v>
      </c>
      <c r="B5148" s="4" t="s">
        <v>6049</v>
      </c>
      <c r="C5148" s="3" t="s">
        <v>6048</v>
      </c>
    </row>
    <row r="5149" spans="1:3" ht="27" x14ac:dyDescent="0.15">
      <c r="A5149" s="3">
        <v>2011414145</v>
      </c>
      <c r="B5149" s="4" t="s">
        <v>6188</v>
      </c>
      <c r="C5149" s="3" t="s">
        <v>6189</v>
      </c>
    </row>
    <row r="5150" spans="1:3" ht="27" x14ac:dyDescent="0.15">
      <c r="A5150" s="3">
        <v>2011414146</v>
      </c>
      <c r="B5150" s="4" t="s">
        <v>6190</v>
      </c>
      <c r="C5150" s="3" t="s">
        <v>6189</v>
      </c>
    </row>
    <row r="5151" spans="1:3" ht="27" x14ac:dyDescent="0.15">
      <c r="A5151" s="3">
        <v>2011414048</v>
      </c>
      <c r="B5151" s="4" t="s">
        <v>6059</v>
      </c>
      <c r="C5151" s="3" t="s">
        <v>6060</v>
      </c>
    </row>
    <row r="5152" spans="1:3" ht="27" x14ac:dyDescent="0.15">
      <c r="A5152" s="3">
        <v>2011414049</v>
      </c>
      <c r="B5152" s="4" t="s">
        <v>6061</v>
      </c>
      <c r="C5152" s="3" t="s">
        <v>6060</v>
      </c>
    </row>
    <row r="5153" spans="1:3" x14ac:dyDescent="0.15">
      <c r="A5153" s="3">
        <v>2011414050</v>
      </c>
      <c r="B5153" s="4" t="s">
        <v>6062</v>
      </c>
      <c r="C5153" s="3" t="s">
        <v>6060</v>
      </c>
    </row>
    <row r="5154" spans="1:3" ht="27" x14ac:dyDescent="0.15">
      <c r="A5154" s="3">
        <v>2011414051</v>
      </c>
      <c r="B5154" s="4" t="s">
        <v>6063</v>
      </c>
      <c r="C5154" s="3" t="s">
        <v>6060</v>
      </c>
    </row>
    <row r="5155" spans="1:3" x14ac:dyDescent="0.15">
      <c r="A5155" s="3">
        <v>2011414052</v>
      </c>
      <c r="B5155" s="4" t="s">
        <v>6064</v>
      </c>
      <c r="C5155" s="3" t="s">
        <v>6060</v>
      </c>
    </row>
    <row r="5156" spans="1:3" x14ac:dyDescent="0.15">
      <c r="A5156" s="3">
        <v>2011414053</v>
      </c>
      <c r="B5156" s="4" t="s">
        <v>6065</v>
      </c>
      <c r="C5156" s="3" t="s">
        <v>6060</v>
      </c>
    </row>
    <row r="5157" spans="1:3" ht="27" x14ac:dyDescent="0.15">
      <c r="A5157" s="3">
        <v>2008400660</v>
      </c>
      <c r="B5157" s="4" t="s">
        <v>786</v>
      </c>
      <c r="C5157" s="3" t="s">
        <v>787</v>
      </c>
    </row>
    <row r="5158" spans="1:3" x14ac:dyDescent="0.15">
      <c r="A5158" s="3">
        <v>2011414155</v>
      </c>
      <c r="B5158" s="4" t="s">
        <v>6200</v>
      </c>
      <c r="C5158" s="3" t="s">
        <v>6201</v>
      </c>
    </row>
    <row r="5159" spans="1:3" ht="27" x14ac:dyDescent="0.15">
      <c r="A5159" s="3">
        <v>2011414092</v>
      </c>
      <c r="B5159" s="4" t="s">
        <v>6110</v>
      </c>
      <c r="C5159" s="3" t="s">
        <v>6111</v>
      </c>
    </row>
    <row r="5160" spans="1:3" ht="27" x14ac:dyDescent="0.15">
      <c r="A5160" s="3">
        <v>2011414093</v>
      </c>
      <c r="B5160" s="4" t="s">
        <v>6112</v>
      </c>
      <c r="C5160" s="3" t="s">
        <v>6111</v>
      </c>
    </row>
    <row r="5161" spans="1:3" ht="27" x14ac:dyDescent="0.15">
      <c r="A5161" s="3">
        <v>2011414095</v>
      </c>
      <c r="B5161" s="4" t="s">
        <v>6115</v>
      </c>
      <c r="C5161" s="3" t="s">
        <v>6116</v>
      </c>
    </row>
    <row r="5162" spans="1:3" x14ac:dyDescent="0.15">
      <c r="A5162" s="3">
        <v>2011414096</v>
      </c>
      <c r="B5162" s="4" t="s">
        <v>6117</v>
      </c>
      <c r="C5162" s="3" t="s">
        <v>6118</v>
      </c>
    </row>
    <row r="5163" spans="1:3" x14ac:dyDescent="0.15">
      <c r="A5163" s="3">
        <v>2011414230</v>
      </c>
      <c r="B5163" s="4" t="s">
        <v>6315</v>
      </c>
      <c r="C5163" s="3" t="s">
        <v>6316</v>
      </c>
    </row>
    <row r="5164" spans="1:3" ht="27" x14ac:dyDescent="0.15">
      <c r="A5164" s="3">
        <v>2011412644</v>
      </c>
      <c r="B5164" s="4" t="s">
        <v>4292</v>
      </c>
      <c r="C5164" s="3" t="s">
        <v>4293</v>
      </c>
    </row>
    <row r="5165" spans="1:3" ht="40.5" x14ac:dyDescent="0.15">
      <c r="A5165" s="3">
        <v>2011410051</v>
      </c>
      <c r="B5165" s="4" t="s">
        <v>1142</v>
      </c>
      <c r="C5165" s="3" t="s">
        <v>1143</v>
      </c>
    </row>
    <row r="5166" spans="1:3" ht="27" x14ac:dyDescent="0.15">
      <c r="A5166" s="3">
        <v>2011414132</v>
      </c>
      <c r="B5166" s="4" t="s">
        <v>6174</v>
      </c>
      <c r="C5166" s="3" t="s">
        <v>6175</v>
      </c>
    </row>
    <row r="5167" spans="1:3" x14ac:dyDescent="0.15">
      <c r="A5167" s="3">
        <v>2011412416</v>
      </c>
      <c r="B5167" s="4" t="s">
        <v>3979</v>
      </c>
      <c r="C5167" s="3" t="s">
        <v>3980</v>
      </c>
    </row>
    <row r="5168" spans="1:3" ht="27" x14ac:dyDescent="0.15">
      <c r="A5168" s="3">
        <v>2011413542</v>
      </c>
      <c r="B5168" s="4" t="s">
        <v>5383</v>
      </c>
      <c r="C5168" s="3" t="s">
        <v>5384</v>
      </c>
    </row>
    <row r="5169" spans="1:3" ht="40.5" x14ac:dyDescent="0.15">
      <c r="A5169" s="3">
        <v>2011413473</v>
      </c>
      <c r="B5169" s="4" t="s">
        <v>5291</v>
      </c>
      <c r="C5169" s="3" t="s">
        <v>5292</v>
      </c>
    </row>
    <row r="5170" spans="1:3" ht="40.5" x14ac:dyDescent="0.15">
      <c r="A5170" s="3">
        <v>2011414260</v>
      </c>
      <c r="B5170" s="4" t="s">
        <v>6357</v>
      </c>
      <c r="C5170" s="3" t="s">
        <v>6358</v>
      </c>
    </row>
    <row r="5171" spans="1:3" ht="27" x14ac:dyDescent="0.15">
      <c r="A5171" s="3">
        <v>2011414069</v>
      </c>
      <c r="B5171" s="4" t="s">
        <v>6077</v>
      </c>
      <c r="C5171" s="3" t="s">
        <v>6078</v>
      </c>
    </row>
    <row r="5172" spans="1:3" ht="27" x14ac:dyDescent="0.15">
      <c r="A5172" s="3">
        <v>2011414154</v>
      </c>
      <c r="B5172" s="4" t="s">
        <v>6199</v>
      </c>
      <c r="C5172" s="3" t="s">
        <v>6078</v>
      </c>
    </row>
    <row r="5173" spans="1:3" ht="27" x14ac:dyDescent="0.15">
      <c r="A5173" s="3">
        <v>2011411317</v>
      </c>
      <c r="B5173" s="4" t="s">
        <v>2685</v>
      </c>
      <c r="C5173" s="3" t="s">
        <v>2686</v>
      </c>
    </row>
    <row r="5174" spans="1:3" ht="27" x14ac:dyDescent="0.15">
      <c r="A5174" s="3">
        <v>2011411478</v>
      </c>
      <c r="B5174" s="4" t="s">
        <v>2892</v>
      </c>
      <c r="C5174" s="3" t="s">
        <v>2893</v>
      </c>
    </row>
    <row r="5175" spans="1:3" ht="27" x14ac:dyDescent="0.15">
      <c r="A5175" s="3">
        <v>2011412454</v>
      </c>
      <c r="B5175" s="4" t="s">
        <v>4045</v>
      </c>
      <c r="C5175" s="3" t="s">
        <v>4046</v>
      </c>
    </row>
    <row r="5176" spans="1:3" ht="27" x14ac:dyDescent="0.15">
      <c r="A5176" s="3">
        <v>2011412391</v>
      </c>
      <c r="B5176" s="4" t="s">
        <v>3948</v>
      </c>
      <c r="C5176" s="3" t="s">
        <v>3949</v>
      </c>
    </row>
    <row r="5177" spans="1:3" x14ac:dyDescent="0.15">
      <c r="A5177" s="3">
        <v>2011410405</v>
      </c>
      <c r="B5177" s="4" t="s">
        <v>1593</v>
      </c>
      <c r="C5177" s="3" t="s">
        <v>1594</v>
      </c>
    </row>
    <row r="5178" spans="1:3" ht="40.5" x14ac:dyDescent="0.15">
      <c r="A5178" s="3">
        <v>2011414278</v>
      </c>
      <c r="B5178" s="4" t="s">
        <v>6385</v>
      </c>
      <c r="C5178" s="3" t="s">
        <v>6386</v>
      </c>
    </row>
    <row r="5179" spans="1:3" ht="40.5" x14ac:dyDescent="0.15">
      <c r="A5179" s="3">
        <v>2011414279</v>
      </c>
      <c r="B5179" s="4" t="s">
        <v>6385</v>
      </c>
      <c r="C5179" s="3" t="s">
        <v>6387</v>
      </c>
    </row>
    <row r="5180" spans="1:3" ht="27" x14ac:dyDescent="0.15">
      <c r="A5180" s="3">
        <v>2011411316</v>
      </c>
      <c r="B5180" s="4" t="s">
        <v>2683</v>
      </c>
      <c r="C5180" s="3" t="s">
        <v>2684</v>
      </c>
    </row>
    <row r="5181" spans="1:3" ht="27" x14ac:dyDescent="0.15">
      <c r="A5181" s="3">
        <v>2011411463</v>
      </c>
      <c r="B5181" s="4" t="s">
        <v>2873</v>
      </c>
      <c r="C5181" s="3" t="s">
        <v>2874</v>
      </c>
    </row>
    <row r="5182" spans="1:3" ht="27" x14ac:dyDescent="0.15">
      <c r="A5182" s="3">
        <v>2011412173</v>
      </c>
      <c r="B5182" s="4" t="s">
        <v>3692</v>
      </c>
      <c r="C5182" s="3" t="s">
        <v>3693</v>
      </c>
    </row>
    <row r="5183" spans="1:3" ht="27" x14ac:dyDescent="0.15">
      <c r="A5183" s="3">
        <v>2011412608</v>
      </c>
      <c r="B5183" s="4" t="s">
        <v>4245</v>
      </c>
      <c r="C5183" s="3" t="s">
        <v>4246</v>
      </c>
    </row>
    <row r="5184" spans="1:3" ht="27" x14ac:dyDescent="0.15">
      <c r="A5184" s="3">
        <v>2011412609</v>
      </c>
      <c r="B5184" s="4" t="s">
        <v>4247</v>
      </c>
      <c r="C5184" s="3" t="s">
        <v>4246</v>
      </c>
    </row>
    <row r="5185" spans="1:3" ht="27" x14ac:dyDescent="0.15">
      <c r="A5185" s="3">
        <v>2011411243</v>
      </c>
      <c r="B5185" s="4" t="s">
        <v>2594</v>
      </c>
      <c r="C5185" s="3" t="s">
        <v>2595</v>
      </c>
    </row>
    <row r="5186" spans="1:3" ht="27" x14ac:dyDescent="0.15">
      <c r="A5186" s="3">
        <v>2011414103</v>
      </c>
      <c r="B5186" s="4" t="s">
        <v>6130</v>
      </c>
      <c r="C5186" s="3" t="s">
        <v>6131</v>
      </c>
    </row>
    <row r="5187" spans="1:3" ht="27" x14ac:dyDescent="0.15">
      <c r="A5187" s="3">
        <v>2011413609</v>
      </c>
      <c r="B5187" s="4" t="s">
        <v>5469</v>
      </c>
      <c r="C5187" s="3" t="s">
        <v>5470</v>
      </c>
    </row>
    <row r="5188" spans="1:3" ht="27" x14ac:dyDescent="0.15">
      <c r="A5188" s="3">
        <v>2011413610</v>
      </c>
      <c r="B5188" s="4" t="s">
        <v>5471</v>
      </c>
      <c r="C5188" s="3" t="s">
        <v>5470</v>
      </c>
    </row>
    <row r="5189" spans="1:3" ht="27" x14ac:dyDescent="0.15">
      <c r="A5189" s="3">
        <v>2011413611</v>
      </c>
      <c r="B5189" s="4" t="s">
        <v>5472</v>
      </c>
      <c r="C5189" s="3" t="s">
        <v>5470</v>
      </c>
    </row>
    <row r="5190" spans="1:3" ht="27" x14ac:dyDescent="0.15">
      <c r="A5190" s="3">
        <v>2011413612</v>
      </c>
      <c r="B5190" s="4" t="s">
        <v>5473</v>
      </c>
      <c r="C5190" s="3" t="s">
        <v>5470</v>
      </c>
    </row>
    <row r="5191" spans="1:3" ht="27" x14ac:dyDescent="0.15">
      <c r="A5191" s="3">
        <v>2011414223</v>
      </c>
      <c r="B5191" s="4" t="s">
        <v>6307</v>
      </c>
      <c r="C5191" s="3" t="s">
        <v>5470</v>
      </c>
    </row>
    <row r="5192" spans="1:3" ht="40.5" x14ac:dyDescent="0.15">
      <c r="A5192" s="3">
        <v>2011414224</v>
      </c>
      <c r="B5192" s="4" t="s">
        <v>6308</v>
      </c>
      <c r="C5192" s="3" t="s">
        <v>5470</v>
      </c>
    </row>
    <row r="5193" spans="1:3" ht="40.5" x14ac:dyDescent="0.15">
      <c r="A5193" s="3">
        <v>2011414256</v>
      </c>
      <c r="B5193" s="4" t="s">
        <v>6351</v>
      </c>
      <c r="C5193" s="3" t="s">
        <v>5470</v>
      </c>
    </row>
    <row r="5194" spans="1:3" ht="27" x14ac:dyDescent="0.15">
      <c r="A5194" s="3">
        <v>2011414257</v>
      </c>
      <c r="B5194" s="4" t="s">
        <v>6352</v>
      </c>
      <c r="C5194" s="3" t="s">
        <v>5470</v>
      </c>
    </row>
    <row r="5195" spans="1:3" ht="27" x14ac:dyDescent="0.15">
      <c r="A5195" s="3">
        <v>2011413968</v>
      </c>
      <c r="B5195" s="4" t="s">
        <v>5952</v>
      </c>
      <c r="C5195" s="3" t="s">
        <v>5953</v>
      </c>
    </row>
    <row r="5196" spans="1:3" ht="27" x14ac:dyDescent="0.15">
      <c r="A5196" s="3">
        <v>2011414075</v>
      </c>
      <c r="B5196" s="4" t="s">
        <v>6084</v>
      </c>
      <c r="C5196" s="3" t="s">
        <v>5953</v>
      </c>
    </row>
    <row r="5197" spans="1:3" x14ac:dyDescent="0.15">
      <c r="A5197" s="3">
        <v>2011412628</v>
      </c>
      <c r="B5197" s="4" t="s">
        <v>4271</v>
      </c>
      <c r="C5197" s="3" t="s">
        <v>4272</v>
      </c>
    </row>
    <row r="5198" spans="1:3" x14ac:dyDescent="0.15">
      <c r="A5198" s="3">
        <v>2011412629</v>
      </c>
      <c r="B5198" s="4" t="s">
        <v>4273</v>
      </c>
      <c r="C5198" s="3" t="s">
        <v>4272</v>
      </c>
    </row>
    <row r="5199" spans="1:3" x14ac:dyDescent="0.15">
      <c r="A5199" s="3">
        <v>2011412630</v>
      </c>
      <c r="B5199" s="4" t="s">
        <v>4274</v>
      </c>
      <c r="C5199" s="3" t="s">
        <v>4275</v>
      </c>
    </row>
    <row r="5200" spans="1:3" ht="27" x14ac:dyDescent="0.15">
      <c r="A5200" s="3">
        <v>2011413860</v>
      </c>
      <c r="B5200" s="4" t="s">
        <v>5794</v>
      </c>
      <c r="C5200" s="3" t="s">
        <v>5795</v>
      </c>
    </row>
    <row r="5201" spans="1:3" ht="27" x14ac:dyDescent="0.15">
      <c r="A5201" s="3">
        <v>2011413077</v>
      </c>
      <c r="B5201" s="4" t="s">
        <v>4820</v>
      </c>
      <c r="C5201" s="3" t="s">
        <v>4821</v>
      </c>
    </row>
    <row r="5202" spans="1:3" ht="27" x14ac:dyDescent="0.15">
      <c r="A5202" s="3">
        <v>2011413097</v>
      </c>
      <c r="B5202" s="4" t="s">
        <v>4848</v>
      </c>
      <c r="C5202" s="3" t="s">
        <v>4849</v>
      </c>
    </row>
    <row r="5203" spans="1:3" ht="27" x14ac:dyDescent="0.15">
      <c r="A5203" s="3">
        <v>2011410418</v>
      </c>
      <c r="B5203" s="4" t="s">
        <v>1611</v>
      </c>
      <c r="C5203" s="3" t="s">
        <v>1612</v>
      </c>
    </row>
    <row r="5204" spans="1:3" ht="27" x14ac:dyDescent="0.15">
      <c r="A5204" s="3">
        <v>2011410419</v>
      </c>
      <c r="B5204" s="4" t="s">
        <v>1611</v>
      </c>
      <c r="C5204" s="3" t="s">
        <v>1612</v>
      </c>
    </row>
    <row r="5205" spans="1:3" ht="27" x14ac:dyDescent="0.15">
      <c r="A5205" s="3">
        <v>2011410420</v>
      </c>
      <c r="B5205" s="4" t="s">
        <v>1613</v>
      </c>
      <c r="C5205" s="3" t="s">
        <v>1612</v>
      </c>
    </row>
    <row r="5206" spans="1:3" ht="27" x14ac:dyDescent="0.15">
      <c r="A5206" s="3">
        <v>2011410421</v>
      </c>
      <c r="B5206" s="4" t="s">
        <v>1614</v>
      </c>
      <c r="C5206" s="3" t="s">
        <v>1612</v>
      </c>
    </row>
    <row r="5207" spans="1:3" ht="27" x14ac:dyDescent="0.15">
      <c r="A5207" s="3">
        <v>2011410422</v>
      </c>
      <c r="B5207" s="4" t="s">
        <v>1614</v>
      </c>
      <c r="C5207" s="3" t="s">
        <v>1612</v>
      </c>
    </row>
    <row r="5208" spans="1:3" ht="27" x14ac:dyDescent="0.15">
      <c r="A5208" s="3">
        <v>2011410641</v>
      </c>
      <c r="B5208" s="4" t="s">
        <v>1896</v>
      </c>
      <c r="C5208" s="3" t="s">
        <v>1612</v>
      </c>
    </row>
    <row r="5209" spans="1:3" ht="27" x14ac:dyDescent="0.15">
      <c r="A5209" s="3">
        <v>2011411101</v>
      </c>
      <c r="B5209" s="4" t="s">
        <v>2417</v>
      </c>
      <c r="C5209" s="3" t="s">
        <v>2418</v>
      </c>
    </row>
    <row r="5210" spans="1:3" ht="27" x14ac:dyDescent="0.15">
      <c r="A5210" s="3">
        <v>2011414562</v>
      </c>
      <c r="B5210" s="4" t="s">
        <v>6760</v>
      </c>
      <c r="C5210" s="3" t="s">
        <v>6761</v>
      </c>
    </row>
    <row r="5211" spans="1:3" ht="27" x14ac:dyDescent="0.15">
      <c r="A5211" s="3">
        <v>2011414563</v>
      </c>
      <c r="B5211" s="4" t="s">
        <v>6760</v>
      </c>
      <c r="C5211" s="3" t="s">
        <v>6761</v>
      </c>
    </row>
    <row r="5212" spans="1:3" ht="27" x14ac:dyDescent="0.15">
      <c r="A5212" s="3">
        <v>2011414564</v>
      </c>
      <c r="B5212" s="4" t="s">
        <v>6760</v>
      </c>
      <c r="C5212" s="3" t="s">
        <v>6761</v>
      </c>
    </row>
    <row r="5213" spans="1:3" ht="27" x14ac:dyDescent="0.15">
      <c r="A5213" s="3">
        <v>2011414565</v>
      </c>
      <c r="B5213" s="4" t="s">
        <v>6760</v>
      </c>
      <c r="C5213" s="3" t="s">
        <v>6761</v>
      </c>
    </row>
    <row r="5214" spans="1:3" ht="27" x14ac:dyDescent="0.15">
      <c r="A5214" s="3">
        <v>2011414566</v>
      </c>
      <c r="B5214" s="4" t="s">
        <v>6760</v>
      </c>
      <c r="C5214" s="3" t="s">
        <v>6761</v>
      </c>
    </row>
    <row r="5215" spans="1:3" ht="27" x14ac:dyDescent="0.15">
      <c r="A5215" s="3">
        <v>2011414567</v>
      </c>
      <c r="B5215" s="4" t="s">
        <v>6760</v>
      </c>
      <c r="C5215" s="3" t="s">
        <v>6761</v>
      </c>
    </row>
    <row r="5216" spans="1:3" ht="40.5" x14ac:dyDescent="0.15">
      <c r="A5216" s="3">
        <v>2011414170</v>
      </c>
      <c r="B5216" s="4" t="s">
        <v>6226</v>
      </c>
      <c r="C5216" s="3" t="s">
        <v>6227</v>
      </c>
    </row>
    <row r="5217" spans="1:3" ht="40.5" x14ac:dyDescent="0.15">
      <c r="A5217" s="3">
        <v>2011410305</v>
      </c>
      <c r="B5217" s="4" t="s">
        <v>1478</v>
      </c>
      <c r="C5217" s="3" t="s">
        <v>1479</v>
      </c>
    </row>
    <row r="5218" spans="1:3" ht="27" x14ac:dyDescent="0.15">
      <c r="A5218" s="3">
        <v>2011410603</v>
      </c>
      <c r="B5218" s="4" t="s">
        <v>1850</v>
      </c>
      <c r="C5218" s="3" t="s">
        <v>1479</v>
      </c>
    </row>
    <row r="5219" spans="1:3" ht="40.5" x14ac:dyDescent="0.15">
      <c r="A5219" s="3">
        <v>2011410561</v>
      </c>
      <c r="B5219" s="4" t="s">
        <v>1785</v>
      </c>
      <c r="C5219" s="3" t="s">
        <v>1786</v>
      </c>
    </row>
    <row r="5220" spans="1:3" ht="40.5" x14ac:dyDescent="0.15">
      <c r="A5220" s="3">
        <v>2011410562</v>
      </c>
      <c r="B5220" s="4" t="s">
        <v>1785</v>
      </c>
      <c r="C5220" s="3" t="s">
        <v>1787</v>
      </c>
    </row>
    <row r="5221" spans="1:3" ht="40.5" x14ac:dyDescent="0.15">
      <c r="A5221" s="3">
        <v>2011410563</v>
      </c>
      <c r="B5221" s="4" t="s">
        <v>1785</v>
      </c>
      <c r="C5221" s="3" t="s">
        <v>1788</v>
      </c>
    </row>
    <row r="5222" spans="1:3" ht="40.5" x14ac:dyDescent="0.15">
      <c r="A5222" s="3">
        <v>2011410564</v>
      </c>
      <c r="B5222" s="4" t="s">
        <v>1785</v>
      </c>
      <c r="C5222" s="3" t="s">
        <v>1789</v>
      </c>
    </row>
    <row r="5223" spans="1:3" ht="40.5" x14ac:dyDescent="0.15">
      <c r="A5223" s="3">
        <v>2011410565</v>
      </c>
      <c r="B5223" s="4" t="s">
        <v>1790</v>
      </c>
      <c r="C5223" s="3" t="s">
        <v>1791</v>
      </c>
    </row>
    <row r="5224" spans="1:3" ht="40.5" x14ac:dyDescent="0.15">
      <c r="A5224" s="3">
        <v>2011410566</v>
      </c>
      <c r="B5224" s="4" t="s">
        <v>1790</v>
      </c>
      <c r="C5224" s="3" t="s">
        <v>1792</v>
      </c>
    </row>
    <row r="5225" spans="1:3" ht="40.5" x14ac:dyDescent="0.15">
      <c r="A5225" s="3">
        <v>2011410567</v>
      </c>
      <c r="B5225" s="4" t="s">
        <v>1790</v>
      </c>
      <c r="C5225" s="3" t="s">
        <v>1793</v>
      </c>
    </row>
    <row r="5226" spans="1:3" ht="40.5" x14ac:dyDescent="0.15">
      <c r="A5226" s="3">
        <v>2011410568</v>
      </c>
      <c r="B5226" s="4" t="s">
        <v>1790</v>
      </c>
      <c r="C5226" s="3" t="s">
        <v>1794</v>
      </c>
    </row>
    <row r="5227" spans="1:3" ht="40.5" x14ac:dyDescent="0.15">
      <c r="A5227" s="3">
        <v>2011410569</v>
      </c>
      <c r="B5227" s="4" t="s">
        <v>1795</v>
      </c>
      <c r="C5227" s="3" t="s">
        <v>1796</v>
      </c>
    </row>
    <row r="5228" spans="1:3" ht="40.5" x14ac:dyDescent="0.15">
      <c r="A5228" s="3">
        <v>2011410570</v>
      </c>
      <c r="B5228" s="4" t="s">
        <v>1795</v>
      </c>
      <c r="C5228" s="3" t="s">
        <v>1797</v>
      </c>
    </row>
    <row r="5229" spans="1:3" ht="40.5" x14ac:dyDescent="0.15">
      <c r="A5229" s="3">
        <v>2011410571</v>
      </c>
      <c r="B5229" s="4" t="s">
        <v>1795</v>
      </c>
      <c r="C5229" s="3" t="s">
        <v>1798</v>
      </c>
    </row>
    <row r="5230" spans="1:3" ht="40.5" x14ac:dyDescent="0.15">
      <c r="A5230" s="3">
        <v>2011410572</v>
      </c>
      <c r="B5230" s="4" t="s">
        <v>1799</v>
      </c>
      <c r="C5230" s="3" t="s">
        <v>1800</v>
      </c>
    </row>
    <row r="5231" spans="1:3" ht="40.5" x14ac:dyDescent="0.15">
      <c r="A5231" s="3">
        <v>2011410573</v>
      </c>
      <c r="B5231" s="4" t="s">
        <v>1801</v>
      </c>
      <c r="C5231" s="3" t="s">
        <v>1802</v>
      </c>
    </row>
    <row r="5232" spans="1:3" ht="40.5" x14ac:dyDescent="0.15">
      <c r="A5232" s="3">
        <v>2011410574</v>
      </c>
      <c r="B5232" s="4" t="s">
        <v>1803</v>
      </c>
      <c r="C5232" s="3" t="s">
        <v>1804</v>
      </c>
    </row>
    <row r="5233" spans="1:3" ht="40.5" x14ac:dyDescent="0.15">
      <c r="A5233" s="3">
        <v>2011410575</v>
      </c>
      <c r="B5233" s="4" t="s">
        <v>1803</v>
      </c>
      <c r="C5233" s="3" t="s">
        <v>1805</v>
      </c>
    </row>
    <row r="5234" spans="1:3" ht="40.5" x14ac:dyDescent="0.15">
      <c r="A5234" s="3">
        <v>2011410576</v>
      </c>
      <c r="B5234" s="4" t="s">
        <v>1806</v>
      </c>
      <c r="C5234" s="3" t="s">
        <v>1807</v>
      </c>
    </row>
    <row r="5235" spans="1:3" ht="40.5" x14ac:dyDescent="0.15">
      <c r="A5235" s="3">
        <v>2011410577</v>
      </c>
      <c r="B5235" s="4" t="s">
        <v>1795</v>
      </c>
      <c r="C5235" s="3" t="s">
        <v>1808</v>
      </c>
    </row>
    <row r="5236" spans="1:3" ht="54" x14ac:dyDescent="0.15">
      <c r="A5236" s="3">
        <v>2011410578</v>
      </c>
      <c r="B5236" s="4" t="s">
        <v>1809</v>
      </c>
      <c r="C5236" s="3" t="s">
        <v>1810</v>
      </c>
    </row>
    <row r="5237" spans="1:3" ht="54" x14ac:dyDescent="0.15">
      <c r="A5237" s="3">
        <v>2011410579</v>
      </c>
      <c r="B5237" s="4" t="s">
        <v>1811</v>
      </c>
      <c r="C5237" s="3" t="s">
        <v>1812</v>
      </c>
    </row>
    <row r="5238" spans="1:3" ht="27" x14ac:dyDescent="0.15">
      <c r="A5238" s="3">
        <v>2011410580</v>
      </c>
      <c r="B5238" s="4" t="s">
        <v>1813</v>
      </c>
      <c r="C5238" s="3" t="s">
        <v>1814</v>
      </c>
    </row>
    <row r="5239" spans="1:3" ht="27" x14ac:dyDescent="0.15">
      <c r="A5239" s="3">
        <v>2011410581</v>
      </c>
      <c r="B5239" s="4" t="s">
        <v>1815</v>
      </c>
      <c r="C5239" s="3" t="s">
        <v>1816</v>
      </c>
    </row>
    <row r="5240" spans="1:3" ht="27" x14ac:dyDescent="0.15">
      <c r="A5240" s="3">
        <v>2011410582</v>
      </c>
      <c r="B5240" s="4" t="s">
        <v>1815</v>
      </c>
      <c r="C5240" s="3" t="s">
        <v>1817</v>
      </c>
    </row>
    <row r="5241" spans="1:3" ht="27" x14ac:dyDescent="0.15">
      <c r="A5241" s="3">
        <v>2011410583</v>
      </c>
      <c r="B5241" s="4" t="s">
        <v>1815</v>
      </c>
      <c r="C5241" s="3" t="s">
        <v>1818</v>
      </c>
    </row>
    <row r="5242" spans="1:3" ht="40.5" x14ac:dyDescent="0.15">
      <c r="A5242" s="3">
        <v>2011410584</v>
      </c>
      <c r="B5242" s="4" t="s">
        <v>1819</v>
      </c>
      <c r="C5242" s="3" t="s">
        <v>1820</v>
      </c>
    </row>
    <row r="5243" spans="1:3" ht="40.5" x14ac:dyDescent="0.15">
      <c r="A5243" s="3">
        <v>2011410585</v>
      </c>
      <c r="B5243" s="4" t="s">
        <v>1819</v>
      </c>
      <c r="C5243" s="3" t="s">
        <v>1821</v>
      </c>
    </row>
    <row r="5244" spans="1:3" ht="27" x14ac:dyDescent="0.15">
      <c r="A5244" s="3">
        <v>2011410586</v>
      </c>
      <c r="B5244" s="4" t="s">
        <v>1822</v>
      </c>
      <c r="C5244" s="3" t="s">
        <v>1823</v>
      </c>
    </row>
    <row r="5245" spans="1:3" ht="40.5" x14ac:dyDescent="0.15">
      <c r="A5245" s="3">
        <v>2011410587</v>
      </c>
      <c r="B5245" s="4" t="s">
        <v>1824</v>
      </c>
      <c r="C5245" s="3" t="s">
        <v>1825</v>
      </c>
    </row>
    <row r="5246" spans="1:3" ht="40.5" x14ac:dyDescent="0.15">
      <c r="A5246" s="3">
        <v>2011410588</v>
      </c>
      <c r="B5246" s="4" t="s">
        <v>1824</v>
      </c>
      <c r="C5246" s="3" t="s">
        <v>1826</v>
      </c>
    </row>
    <row r="5247" spans="1:3" ht="40.5" x14ac:dyDescent="0.15">
      <c r="A5247" s="3">
        <v>2011410589</v>
      </c>
      <c r="B5247" s="4" t="s">
        <v>1824</v>
      </c>
      <c r="C5247" s="3" t="s">
        <v>1827</v>
      </c>
    </row>
    <row r="5248" spans="1:3" ht="40.5" x14ac:dyDescent="0.15">
      <c r="A5248" s="3">
        <v>2011410590</v>
      </c>
      <c r="B5248" s="4" t="s">
        <v>1824</v>
      </c>
      <c r="C5248" s="3" t="s">
        <v>1828</v>
      </c>
    </row>
    <row r="5249" spans="1:3" ht="27" x14ac:dyDescent="0.15">
      <c r="A5249" s="3">
        <v>2011410591</v>
      </c>
      <c r="B5249" s="4" t="s">
        <v>1829</v>
      </c>
      <c r="C5249" s="3" t="s">
        <v>1830</v>
      </c>
    </row>
    <row r="5250" spans="1:3" x14ac:dyDescent="0.15">
      <c r="A5250" s="3">
        <v>2011410592</v>
      </c>
      <c r="B5250" s="4" t="s">
        <v>1831</v>
      </c>
      <c r="C5250" s="3" t="s">
        <v>1832</v>
      </c>
    </row>
    <row r="5251" spans="1:3" x14ac:dyDescent="0.15">
      <c r="A5251" s="3">
        <v>2011410274</v>
      </c>
      <c r="B5251" s="4" t="s">
        <v>1434</v>
      </c>
      <c r="C5251" s="3" t="s">
        <v>1435</v>
      </c>
    </row>
    <row r="5252" spans="1:3" ht="54" x14ac:dyDescent="0.15">
      <c r="A5252" s="3">
        <v>2011410593</v>
      </c>
      <c r="B5252" s="4" t="s">
        <v>1833</v>
      </c>
      <c r="C5252" s="3" t="s">
        <v>1834</v>
      </c>
    </row>
    <row r="5253" spans="1:3" ht="27" x14ac:dyDescent="0.15">
      <c r="A5253" s="3">
        <v>2011411309</v>
      </c>
      <c r="B5253" s="4" t="s">
        <v>2673</v>
      </c>
      <c r="C5253" s="3" t="s">
        <v>2674</v>
      </c>
    </row>
    <row r="5254" spans="1:3" x14ac:dyDescent="0.15">
      <c r="A5254" s="3">
        <v>2011414102</v>
      </c>
      <c r="B5254" s="4" t="s">
        <v>6129</v>
      </c>
      <c r="C5254" s="3" t="s">
        <v>2674</v>
      </c>
    </row>
    <row r="5255" spans="1:3" ht="27" x14ac:dyDescent="0.15">
      <c r="A5255" s="3">
        <v>2011411906</v>
      </c>
      <c r="B5255" s="4" t="s">
        <v>3388</v>
      </c>
      <c r="C5255" s="3" t="s">
        <v>3389</v>
      </c>
    </row>
    <row r="5256" spans="1:3" ht="27" x14ac:dyDescent="0.15">
      <c r="A5256" s="3">
        <v>2011412567</v>
      </c>
      <c r="B5256" s="4" t="s">
        <v>4186</v>
      </c>
      <c r="C5256" s="3" t="s">
        <v>4187</v>
      </c>
    </row>
    <row r="5257" spans="1:3" ht="40.5" x14ac:dyDescent="0.15">
      <c r="A5257" s="3">
        <v>2011413464</v>
      </c>
      <c r="B5257" s="4" t="s">
        <v>5277</v>
      </c>
      <c r="C5257" s="3" t="s">
        <v>5278</v>
      </c>
    </row>
    <row r="5258" spans="1:3" ht="27" x14ac:dyDescent="0.15">
      <c r="A5258" s="3">
        <v>2011411922</v>
      </c>
      <c r="B5258" s="4" t="s">
        <v>3408</v>
      </c>
      <c r="C5258" s="3" t="s">
        <v>3409</v>
      </c>
    </row>
    <row r="5259" spans="1:3" ht="27" x14ac:dyDescent="0.15">
      <c r="A5259" s="3">
        <v>2011413947</v>
      </c>
      <c r="B5259" s="4" t="s">
        <v>5924</v>
      </c>
      <c r="C5259" s="3" t="s">
        <v>5925</v>
      </c>
    </row>
    <row r="5260" spans="1:3" ht="27" x14ac:dyDescent="0.15">
      <c r="A5260" s="3">
        <v>2011413945</v>
      </c>
      <c r="B5260" s="4" t="s">
        <v>5920</v>
      </c>
      <c r="C5260" s="3" t="s">
        <v>5921</v>
      </c>
    </row>
    <row r="5261" spans="1:3" x14ac:dyDescent="0.15">
      <c r="A5261" s="3">
        <v>2011413946</v>
      </c>
      <c r="B5261" s="4" t="s">
        <v>5922</v>
      </c>
      <c r="C5261" s="3" t="s">
        <v>5923</v>
      </c>
    </row>
    <row r="5262" spans="1:3" ht="27" x14ac:dyDescent="0.15">
      <c r="A5262" s="3">
        <v>2011413929</v>
      </c>
      <c r="B5262" s="4" t="s">
        <v>5898</v>
      </c>
      <c r="C5262" s="3" t="s">
        <v>5899</v>
      </c>
    </row>
    <row r="5263" spans="1:3" x14ac:dyDescent="0.15">
      <c r="A5263" s="3">
        <v>2011413944</v>
      </c>
      <c r="B5263" s="4" t="s">
        <v>5919</v>
      </c>
      <c r="C5263" s="3" t="s">
        <v>5899</v>
      </c>
    </row>
    <row r="5264" spans="1:3" ht="27" x14ac:dyDescent="0.15">
      <c r="A5264" s="3">
        <v>2011410740</v>
      </c>
      <c r="B5264" s="4" t="s">
        <v>2034</v>
      </c>
      <c r="C5264" s="3" t="s">
        <v>2035</v>
      </c>
    </row>
    <row r="5265" spans="1:3" ht="27" x14ac:dyDescent="0.15">
      <c r="A5265" s="3">
        <v>2011410186</v>
      </c>
      <c r="B5265" s="4" t="s">
        <v>1328</v>
      </c>
      <c r="C5265" s="3" t="s">
        <v>1329</v>
      </c>
    </row>
    <row r="5266" spans="1:3" x14ac:dyDescent="0.15">
      <c r="A5266" s="3">
        <v>2011410212</v>
      </c>
      <c r="B5266" s="4" t="s">
        <v>1362</v>
      </c>
      <c r="C5266" s="3" t="s">
        <v>1363</v>
      </c>
    </row>
    <row r="5267" spans="1:3" ht="40.5" x14ac:dyDescent="0.15">
      <c r="A5267" s="3">
        <v>2011410242</v>
      </c>
      <c r="B5267" s="4" t="s">
        <v>1401</v>
      </c>
      <c r="C5267" s="3" t="s">
        <v>1363</v>
      </c>
    </row>
    <row r="5268" spans="1:3" ht="27" x14ac:dyDescent="0.15">
      <c r="A5268" s="3">
        <v>2011410243</v>
      </c>
      <c r="B5268" s="4" t="s">
        <v>1402</v>
      </c>
      <c r="C5268" s="3" t="s">
        <v>1363</v>
      </c>
    </row>
    <row r="5269" spans="1:3" ht="27" x14ac:dyDescent="0.15">
      <c r="A5269" s="3">
        <v>2011410244</v>
      </c>
      <c r="B5269" s="4" t="s">
        <v>1402</v>
      </c>
      <c r="C5269" s="3" t="s">
        <v>1363</v>
      </c>
    </row>
    <row r="5270" spans="1:3" ht="27" x14ac:dyDescent="0.15">
      <c r="A5270" s="3">
        <v>2011410245</v>
      </c>
      <c r="B5270" s="4" t="s">
        <v>1403</v>
      </c>
      <c r="C5270" s="3" t="s">
        <v>1363</v>
      </c>
    </row>
    <row r="5271" spans="1:3" x14ac:dyDescent="0.15">
      <c r="A5271" s="3">
        <v>2011410246</v>
      </c>
      <c r="B5271" s="4" t="s">
        <v>1404</v>
      </c>
      <c r="C5271" s="3" t="s">
        <v>1363</v>
      </c>
    </row>
    <row r="5272" spans="1:3" x14ac:dyDescent="0.15">
      <c r="A5272" s="3">
        <v>2011410247</v>
      </c>
      <c r="B5272" s="4" t="s">
        <v>1405</v>
      </c>
      <c r="C5272" s="3" t="s">
        <v>1363</v>
      </c>
    </row>
    <row r="5273" spans="1:3" x14ac:dyDescent="0.15">
      <c r="A5273" s="3">
        <v>2011410248</v>
      </c>
      <c r="B5273" s="4" t="s">
        <v>1406</v>
      </c>
      <c r="C5273" s="3" t="s">
        <v>1363</v>
      </c>
    </row>
    <row r="5274" spans="1:3" x14ac:dyDescent="0.15">
      <c r="A5274" s="3">
        <v>2011410249</v>
      </c>
      <c r="B5274" s="4" t="s">
        <v>1407</v>
      </c>
      <c r="C5274" s="3" t="s">
        <v>1363</v>
      </c>
    </row>
    <row r="5275" spans="1:3" ht="27" x14ac:dyDescent="0.15">
      <c r="A5275" s="3">
        <v>2011410250</v>
      </c>
      <c r="B5275" s="4" t="s">
        <v>1408</v>
      </c>
      <c r="C5275" s="3" t="s">
        <v>1363</v>
      </c>
    </row>
    <row r="5276" spans="1:3" ht="27" x14ac:dyDescent="0.15">
      <c r="A5276" s="3">
        <v>2011410251</v>
      </c>
      <c r="B5276" s="4" t="s">
        <v>1409</v>
      </c>
      <c r="C5276" s="3" t="s">
        <v>1363</v>
      </c>
    </row>
    <row r="5277" spans="1:3" ht="27" x14ac:dyDescent="0.15">
      <c r="A5277" s="3">
        <v>2008400867</v>
      </c>
      <c r="B5277" s="4" t="s">
        <v>1008</v>
      </c>
      <c r="C5277" s="3" t="s">
        <v>1009</v>
      </c>
    </row>
    <row r="5278" spans="1:3" ht="27" x14ac:dyDescent="0.15">
      <c r="A5278" s="3">
        <v>2011410424</v>
      </c>
      <c r="B5278" s="4" t="s">
        <v>1617</v>
      </c>
      <c r="C5278" s="3" t="s">
        <v>1009</v>
      </c>
    </row>
    <row r="5279" spans="1:3" ht="27" x14ac:dyDescent="0.15">
      <c r="A5279" s="3">
        <v>2011410425</v>
      </c>
      <c r="B5279" s="4" t="s">
        <v>1618</v>
      </c>
      <c r="C5279" s="3" t="s">
        <v>1009</v>
      </c>
    </row>
    <row r="5280" spans="1:3" ht="27" x14ac:dyDescent="0.15">
      <c r="A5280" s="3">
        <v>2011410427</v>
      </c>
      <c r="B5280" s="4" t="s">
        <v>1621</v>
      </c>
      <c r="C5280" s="3" t="s">
        <v>1009</v>
      </c>
    </row>
    <row r="5281" spans="1:3" ht="27" x14ac:dyDescent="0.15">
      <c r="A5281" s="3">
        <v>2011410642</v>
      </c>
      <c r="B5281" s="4" t="s">
        <v>1897</v>
      </c>
      <c r="C5281" s="3" t="s">
        <v>1009</v>
      </c>
    </row>
    <row r="5282" spans="1:3" x14ac:dyDescent="0.15">
      <c r="A5282" s="3">
        <v>2011410643</v>
      </c>
      <c r="B5282" s="4" t="s">
        <v>1898</v>
      </c>
      <c r="C5282" s="3" t="s">
        <v>1009</v>
      </c>
    </row>
    <row r="5283" spans="1:3" x14ac:dyDescent="0.15">
      <c r="A5283" s="3">
        <v>2011410644</v>
      </c>
      <c r="B5283" s="4" t="s">
        <v>1899</v>
      </c>
      <c r="C5283" s="3" t="s">
        <v>1009</v>
      </c>
    </row>
    <row r="5284" spans="1:3" ht="27" x14ac:dyDescent="0.15">
      <c r="A5284" s="3">
        <v>2011412616</v>
      </c>
      <c r="B5284" s="4" t="s">
        <v>4256</v>
      </c>
      <c r="C5284" s="3" t="s">
        <v>1009</v>
      </c>
    </row>
    <row r="5285" spans="1:3" ht="27" x14ac:dyDescent="0.15">
      <c r="A5285" s="3">
        <v>2011410430</v>
      </c>
      <c r="B5285" s="4" t="s">
        <v>1626</v>
      </c>
      <c r="C5285" s="3" t="s">
        <v>1627</v>
      </c>
    </row>
    <row r="5286" spans="1:3" ht="27" x14ac:dyDescent="0.15">
      <c r="A5286" s="3">
        <v>2011410431</v>
      </c>
      <c r="B5286" s="4" t="s">
        <v>1628</v>
      </c>
      <c r="C5286" s="3" t="s">
        <v>1627</v>
      </c>
    </row>
    <row r="5287" spans="1:3" ht="27" x14ac:dyDescent="0.15">
      <c r="A5287" s="3">
        <v>2011410432</v>
      </c>
      <c r="B5287" s="4" t="s">
        <v>1629</v>
      </c>
      <c r="C5287" s="3" t="s">
        <v>1627</v>
      </c>
    </row>
    <row r="5288" spans="1:3" ht="27" x14ac:dyDescent="0.15">
      <c r="A5288" s="3">
        <v>2011410433</v>
      </c>
      <c r="B5288" s="4" t="s">
        <v>1630</v>
      </c>
      <c r="C5288" s="3" t="s">
        <v>1627</v>
      </c>
    </row>
    <row r="5289" spans="1:3" ht="27" x14ac:dyDescent="0.15">
      <c r="A5289" s="3">
        <v>2011410514</v>
      </c>
      <c r="B5289" s="4" t="s">
        <v>1727</v>
      </c>
      <c r="C5289" s="3" t="s">
        <v>1728</v>
      </c>
    </row>
    <row r="5290" spans="1:3" ht="27" x14ac:dyDescent="0.15">
      <c r="A5290" s="3">
        <v>2011410515</v>
      </c>
      <c r="B5290" s="4" t="s">
        <v>1729</v>
      </c>
      <c r="C5290" s="3" t="s">
        <v>1728</v>
      </c>
    </row>
    <row r="5291" spans="1:3" ht="27" x14ac:dyDescent="0.15">
      <c r="A5291" s="3">
        <v>2011410516</v>
      </c>
      <c r="B5291" s="4" t="s">
        <v>1730</v>
      </c>
      <c r="C5291" s="3" t="s">
        <v>1728</v>
      </c>
    </row>
    <row r="5292" spans="1:3" ht="27" x14ac:dyDescent="0.15">
      <c r="A5292" s="3">
        <v>2011410692</v>
      </c>
      <c r="B5292" s="4" t="s">
        <v>1965</v>
      </c>
      <c r="C5292" s="3" t="s">
        <v>1966</v>
      </c>
    </row>
    <row r="5293" spans="1:3" x14ac:dyDescent="0.15">
      <c r="A5293" s="3">
        <v>2011410693</v>
      </c>
      <c r="B5293" s="4" t="s">
        <v>1967</v>
      </c>
      <c r="C5293" s="3" t="s">
        <v>1966</v>
      </c>
    </row>
    <row r="5294" spans="1:3" ht="27" x14ac:dyDescent="0.15">
      <c r="A5294" s="3">
        <v>2011410698</v>
      </c>
      <c r="B5294" s="4" t="s">
        <v>1973</v>
      </c>
      <c r="C5294" s="3" t="s">
        <v>1974</v>
      </c>
    </row>
    <row r="5295" spans="1:3" ht="27" x14ac:dyDescent="0.15">
      <c r="A5295" s="3">
        <v>2011411276</v>
      </c>
      <c r="B5295" s="4" t="s">
        <v>2635</v>
      </c>
      <c r="C5295" s="3" t="s">
        <v>2636</v>
      </c>
    </row>
    <row r="5296" spans="1:3" ht="27" x14ac:dyDescent="0.15">
      <c r="A5296" s="3">
        <v>2011411277</v>
      </c>
      <c r="B5296" s="4" t="s">
        <v>2637</v>
      </c>
      <c r="C5296" s="3" t="s">
        <v>2636</v>
      </c>
    </row>
    <row r="5297" spans="1:3" ht="27" x14ac:dyDescent="0.15">
      <c r="A5297" s="3">
        <v>2011411457</v>
      </c>
      <c r="B5297" s="4" t="s">
        <v>2862</v>
      </c>
      <c r="C5297" s="3" t="s">
        <v>2863</v>
      </c>
    </row>
    <row r="5298" spans="1:3" x14ac:dyDescent="0.15">
      <c r="A5298" s="3">
        <v>2011412194</v>
      </c>
      <c r="B5298" s="4" t="s">
        <v>3714</v>
      </c>
      <c r="C5298" s="3" t="s">
        <v>3715</v>
      </c>
    </row>
    <row r="5299" spans="1:3" ht="27" x14ac:dyDescent="0.15">
      <c r="A5299" s="3">
        <v>2011412354</v>
      </c>
      <c r="B5299" s="4" t="s">
        <v>3895</v>
      </c>
      <c r="C5299" s="3" t="s">
        <v>3896</v>
      </c>
    </row>
    <row r="5300" spans="1:3" ht="27" x14ac:dyDescent="0.15">
      <c r="A5300" s="3">
        <v>2011412355</v>
      </c>
      <c r="B5300" s="4" t="s">
        <v>3897</v>
      </c>
      <c r="C5300" s="3" t="s">
        <v>3896</v>
      </c>
    </row>
    <row r="5301" spans="1:3" x14ac:dyDescent="0.15">
      <c r="A5301" s="3">
        <v>2011412356</v>
      </c>
      <c r="B5301" s="4" t="s">
        <v>3898</v>
      </c>
      <c r="C5301" s="3" t="s">
        <v>3896</v>
      </c>
    </row>
    <row r="5302" spans="1:3" ht="27" x14ac:dyDescent="0.15">
      <c r="A5302" s="3">
        <v>2011412358</v>
      </c>
      <c r="B5302" s="4" t="s">
        <v>3900</v>
      </c>
      <c r="C5302" s="3" t="s">
        <v>3896</v>
      </c>
    </row>
    <row r="5303" spans="1:3" ht="27" x14ac:dyDescent="0.15">
      <c r="A5303" s="3">
        <v>2011412359</v>
      </c>
      <c r="B5303" s="4" t="s">
        <v>3901</v>
      </c>
      <c r="C5303" s="3" t="s">
        <v>3896</v>
      </c>
    </row>
    <row r="5304" spans="1:3" ht="27" x14ac:dyDescent="0.15">
      <c r="A5304" s="3">
        <v>2011413445</v>
      </c>
      <c r="B5304" s="4" t="s">
        <v>5253</v>
      </c>
      <c r="C5304" s="3" t="s">
        <v>3896</v>
      </c>
    </row>
    <row r="5305" spans="1:3" ht="27" x14ac:dyDescent="0.15">
      <c r="A5305" s="3">
        <v>2011412455</v>
      </c>
      <c r="B5305" s="4" t="s">
        <v>4047</v>
      </c>
      <c r="C5305" s="3" t="s">
        <v>4048</v>
      </c>
    </row>
    <row r="5306" spans="1:3" ht="27" x14ac:dyDescent="0.15">
      <c r="A5306" s="3">
        <v>2011412485</v>
      </c>
      <c r="B5306" s="4" t="s">
        <v>4090</v>
      </c>
      <c r="C5306" s="3" t="s">
        <v>4091</v>
      </c>
    </row>
    <row r="5307" spans="1:3" ht="27" x14ac:dyDescent="0.15">
      <c r="A5307" s="3">
        <v>2011410481</v>
      </c>
      <c r="B5307" s="4" t="s">
        <v>1685</v>
      </c>
      <c r="C5307" s="3" t="s">
        <v>1686</v>
      </c>
    </row>
    <row r="5308" spans="1:3" ht="27" x14ac:dyDescent="0.15">
      <c r="A5308" s="3">
        <v>2011410482</v>
      </c>
      <c r="B5308" s="4" t="s">
        <v>1687</v>
      </c>
      <c r="C5308" s="3" t="s">
        <v>1686</v>
      </c>
    </row>
    <row r="5309" spans="1:3" ht="27" x14ac:dyDescent="0.15">
      <c r="A5309" s="3">
        <v>2011412497</v>
      </c>
      <c r="B5309" s="4" t="s">
        <v>4105</v>
      </c>
      <c r="C5309" s="3" t="s">
        <v>4106</v>
      </c>
    </row>
    <row r="5310" spans="1:3" ht="27" x14ac:dyDescent="0.15">
      <c r="A5310" s="3">
        <v>2011412498</v>
      </c>
      <c r="B5310" s="4" t="s">
        <v>4107</v>
      </c>
      <c r="C5310" s="3" t="s">
        <v>4106</v>
      </c>
    </row>
    <row r="5311" spans="1:3" ht="27" x14ac:dyDescent="0.15">
      <c r="A5311" s="3">
        <v>2011412499</v>
      </c>
      <c r="B5311" s="4" t="s">
        <v>4108</v>
      </c>
      <c r="C5311" s="3" t="s">
        <v>4106</v>
      </c>
    </row>
    <row r="5312" spans="1:3" ht="27" x14ac:dyDescent="0.15">
      <c r="A5312" s="3">
        <v>2011412500</v>
      </c>
      <c r="B5312" s="4" t="s">
        <v>4109</v>
      </c>
      <c r="C5312" s="3" t="s">
        <v>4106</v>
      </c>
    </row>
    <row r="5313" spans="1:3" ht="27" x14ac:dyDescent="0.15">
      <c r="A5313" s="3">
        <v>2011412501</v>
      </c>
      <c r="B5313" s="4" t="s">
        <v>4110</v>
      </c>
      <c r="C5313" s="3" t="s">
        <v>4106</v>
      </c>
    </row>
    <row r="5314" spans="1:3" ht="27" x14ac:dyDescent="0.15">
      <c r="A5314" s="3">
        <v>2011412502</v>
      </c>
      <c r="B5314" s="4" t="s">
        <v>4111</v>
      </c>
      <c r="C5314" s="3" t="s">
        <v>4106</v>
      </c>
    </row>
    <row r="5315" spans="1:3" ht="27" x14ac:dyDescent="0.15">
      <c r="A5315" s="3">
        <v>2011412503</v>
      </c>
      <c r="B5315" s="4" t="s">
        <v>4112</v>
      </c>
      <c r="C5315" s="3" t="s">
        <v>4106</v>
      </c>
    </row>
    <row r="5316" spans="1:3" ht="27" x14ac:dyDescent="0.15">
      <c r="A5316" s="3">
        <v>2011412504</v>
      </c>
      <c r="B5316" s="4" t="s">
        <v>4113</v>
      </c>
      <c r="C5316" s="3" t="s">
        <v>4106</v>
      </c>
    </row>
    <row r="5317" spans="1:3" ht="27" x14ac:dyDescent="0.15">
      <c r="A5317" s="3">
        <v>2011412505</v>
      </c>
      <c r="B5317" s="4" t="s">
        <v>4114</v>
      </c>
      <c r="C5317" s="3" t="s">
        <v>4106</v>
      </c>
    </row>
    <row r="5318" spans="1:3" ht="27" x14ac:dyDescent="0.15">
      <c r="A5318" s="3">
        <v>2011412506</v>
      </c>
      <c r="B5318" s="4" t="s">
        <v>4115</v>
      </c>
      <c r="C5318" s="3" t="s">
        <v>4106</v>
      </c>
    </row>
    <row r="5319" spans="1:3" ht="27" x14ac:dyDescent="0.15">
      <c r="A5319" s="3">
        <v>2011412507</v>
      </c>
      <c r="B5319" s="4" t="s">
        <v>4116</v>
      </c>
      <c r="C5319" s="3" t="s">
        <v>4106</v>
      </c>
    </row>
    <row r="5320" spans="1:3" ht="27" x14ac:dyDescent="0.15">
      <c r="A5320" s="3">
        <v>2011412508</v>
      </c>
      <c r="B5320" s="4" t="s">
        <v>4117</v>
      </c>
      <c r="C5320" s="3" t="s">
        <v>4106</v>
      </c>
    </row>
    <row r="5321" spans="1:3" ht="27" x14ac:dyDescent="0.15">
      <c r="A5321" s="3">
        <v>2011412509</v>
      </c>
      <c r="B5321" s="4" t="s">
        <v>4118</v>
      </c>
      <c r="C5321" s="3" t="s">
        <v>4106</v>
      </c>
    </row>
    <row r="5322" spans="1:3" ht="27" x14ac:dyDescent="0.15">
      <c r="A5322" s="3">
        <v>2011412510</v>
      </c>
      <c r="B5322" s="4" t="s">
        <v>4119</v>
      </c>
      <c r="C5322" s="3" t="s">
        <v>4106</v>
      </c>
    </row>
    <row r="5323" spans="1:3" ht="27" x14ac:dyDescent="0.15">
      <c r="A5323" s="3">
        <v>2011412511</v>
      </c>
      <c r="B5323" s="4" t="s">
        <v>4120</v>
      </c>
      <c r="C5323" s="3" t="s">
        <v>4106</v>
      </c>
    </row>
    <row r="5324" spans="1:3" ht="27" x14ac:dyDescent="0.15">
      <c r="A5324" s="3">
        <v>2011412512</v>
      </c>
      <c r="B5324" s="4" t="s">
        <v>4121</v>
      </c>
      <c r="C5324" s="3" t="s">
        <v>4106</v>
      </c>
    </row>
    <row r="5325" spans="1:3" ht="27" x14ac:dyDescent="0.15">
      <c r="A5325" s="3">
        <v>2011412513</v>
      </c>
      <c r="B5325" s="4" t="s">
        <v>4122</v>
      </c>
      <c r="C5325" s="3" t="s">
        <v>4106</v>
      </c>
    </row>
    <row r="5326" spans="1:3" ht="27" x14ac:dyDescent="0.15">
      <c r="A5326" s="3">
        <v>2011412514</v>
      </c>
      <c r="B5326" s="4" t="s">
        <v>4123</v>
      </c>
      <c r="C5326" s="3" t="s">
        <v>4106</v>
      </c>
    </row>
    <row r="5327" spans="1:3" x14ac:dyDescent="0.15">
      <c r="A5327" s="3">
        <v>2011412515</v>
      </c>
      <c r="B5327" s="4" t="s">
        <v>4124</v>
      </c>
      <c r="C5327" s="3" t="s">
        <v>4106</v>
      </c>
    </row>
    <row r="5328" spans="1:3" x14ac:dyDescent="0.15">
      <c r="A5328" s="3">
        <v>2011412516</v>
      </c>
      <c r="B5328" s="4" t="s">
        <v>4125</v>
      </c>
      <c r="C5328" s="3" t="s">
        <v>4106</v>
      </c>
    </row>
    <row r="5329" spans="1:3" ht="27" x14ac:dyDescent="0.15">
      <c r="A5329" s="3">
        <v>2011412533</v>
      </c>
      <c r="B5329" s="4" t="s">
        <v>4146</v>
      </c>
      <c r="C5329" s="3" t="s">
        <v>4147</v>
      </c>
    </row>
    <row r="5330" spans="1:3" ht="27" x14ac:dyDescent="0.15">
      <c r="A5330" s="3">
        <v>2011412534</v>
      </c>
      <c r="B5330" s="4" t="s">
        <v>4148</v>
      </c>
      <c r="C5330" s="3" t="s">
        <v>4147</v>
      </c>
    </row>
    <row r="5331" spans="1:3" ht="27" x14ac:dyDescent="0.15">
      <c r="A5331" s="3">
        <v>2011412535</v>
      </c>
      <c r="B5331" s="4" t="s">
        <v>4149</v>
      </c>
      <c r="C5331" s="3" t="s">
        <v>4147</v>
      </c>
    </row>
    <row r="5332" spans="1:3" ht="27" x14ac:dyDescent="0.15">
      <c r="A5332" s="3">
        <v>2011412536</v>
      </c>
      <c r="B5332" s="4" t="s">
        <v>4150</v>
      </c>
      <c r="C5332" s="3" t="s">
        <v>4147</v>
      </c>
    </row>
    <row r="5333" spans="1:3" ht="27" x14ac:dyDescent="0.15">
      <c r="A5333" s="3">
        <v>2011412537</v>
      </c>
      <c r="B5333" s="4" t="s">
        <v>4151</v>
      </c>
      <c r="C5333" s="3" t="s">
        <v>4147</v>
      </c>
    </row>
    <row r="5334" spans="1:3" ht="27" x14ac:dyDescent="0.15">
      <c r="A5334" s="3">
        <v>2011414495</v>
      </c>
      <c r="B5334" s="4" t="s">
        <v>6670</v>
      </c>
      <c r="C5334" s="3" t="s">
        <v>4147</v>
      </c>
    </row>
    <row r="5335" spans="1:3" ht="27" x14ac:dyDescent="0.15">
      <c r="A5335" s="3">
        <v>2011412686</v>
      </c>
      <c r="B5335" s="4" t="s">
        <v>4335</v>
      </c>
      <c r="C5335" s="3" t="s">
        <v>4336</v>
      </c>
    </row>
    <row r="5336" spans="1:3" ht="27" x14ac:dyDescent="0.15">
      <c r="A5336" s="3">
        <v>2011412730</v>
      </c>
      <c r="B5336" s="4" t="s">
        <v>4381</v>
      </c>
      <c r="C5336" s="3" t="s">
        <v>4382</v>
      </c>
    </row>
    <row r="5337" spans="1:3" ht="27" x14ac:dyDescent="0.15">
      <c r="A5337" s="3">
        <v>2011412731</v>
      </c>
      <c r="B5337" s="4" t="s">
        <v>4383</v>
      </c>
      <c r="C5337" s="3" t="s">
        <v>4382</v>
      </c>
    </row>
    <row r="5338" spans="1:3" ht="40.5" x14ac:dyDescent="0.15">
      <c r="A5338" s="3">
        <v>2011412923</v>
      </c>
      <c r="B5338" s="4" t="s">
        <v>4607</v>
      </c>
      <c r="C5338" s="3" t="s">
        <v>4608</v>
      </c>
    </row>
    <row r="5339" spans="1:3" ht="27" x14ac:dyDescent="0.15">
      <c r="A5339" s="3">
        <v>2011412924</v>
      </c>
      <c r="B5339" s="4" t="s">
        <v>4609</v>
      </c>
      <c r="C5339" s="3" t="s">
        <v>4608</v>
      </c>
    </row>
    <row r="5340" spans="1:3" ht="40.5" x14ac:dyDescent="0.15">
      <c r="A5340" s="3">
        <v>2011413006</v>
      </c>
      <c r="B5340" s="4" t="s">
        <v>4721</v>
      </c>
      <c r="C5340" s="3" t="s">
        <v>4608</v>
      </c>
    </row>
    <row r="5341" spans="1:3" ht="27" x14ac:dyDescent="0.15">
      <c r="A5341" s="3">
        <v>2011413030</v>
      </c>
      <c r="B5341" s="4" t="s">
        <v>4760</v>
      </c>
      <c r="C5341" s="3" t="s">
        <v>4761</v>
      </c>
    </row>
    <row r="5342" spans="1:3" ht="27" x14ac:dyDescent="0.15">
      <c r="A5342" s="3">
        <v>2011413031</v>
      </c>
      <c r="B5342" s="4" t="s">
        <v>4762</v>
      </c>
      <c r="C5342" s="3" t="s">
        <v>4761</v>
      </c>
    </row>
    <row r="5343" spans="1:3" ht="27" x14ac:dyDescent="0.15">
      <c r="A5343" s="3">
        <v>2011413032</v>
      </c>
      <c r="B5343" s="4" t="s">
        <v>4763</v>
      </c>
      <c r="C5343" s="3" t="s">
        <v>4761</v>
      </c>
    </row>
    <row r="5344" spans="1:3" ht="27" x14ac:dyDescent="0.15">
      <c r="A5344" s="3">
        <v>2011413033</v>
      </c>
      <c r="B5344" s="4" t="s">
        <v>4764</v>
      </c>
      <c r="C5344" s="3" t="s">
        <v>4761</v>
      </c>
    </row>
    <row r="5345" spans="1:3" ht="27" x14ac:dyDescent="0.15">
      <c r="A5345" s="3">
        <v>2011413034</v>
      </c>
      <c r="B5345" s="4" t="s">
        <v>4765</v>
      </c>
      <c r="C5345" s="3" t="s">
        <v>4761</v>
      </c>
    </row>
    <row r="5346" spans="1:3" ht="27" x14ac:dyDescent="0.15">
      <c r="A5346" s="3">
        <v>2011413078</v>
      </c>
      <c r="B5346" s="4" t="s">
        <v>4822</v>
      </c>
      <c r="C5346" s="3" t="s">
        <v>4761</v>
      </c>
    </row>
    <row r="5347" spans="1:3" ht="27" x14ac:dyDescent="0.15">
      <c r="A5347" s="3">
        <v>2011413092</v>
      </c>
      <c r="B5347" s="4" t="s">
        <v>4840</v>
      </c>
      <c r="C5347" s="3" t="s">
        <v>4841</v>
      </c>
    </row>
    <row r="5348" spans="1:3" ht="27" x14ac:dyDescent="0.15">
      <c r="A5348" s="3">
        <v>2008400528</v>
      </c>
      <c r="B5348" s="4" t="s">
        <v>628</v>
      </c>
      <c r="C5348" s="3" t="s">
        <v>629</v>
      </c>
    </row>
    <row r="5349" spans="1:3" x14ac:dyDescent="0.15">
      <c r="A5349" s="3">
        <v>2011410295</v>
      </c>
      <c r="B5349" s="4" t="s">
        <v>1464</v>
      </c>
      <c r="C5349" s="3" t="s">
        <v>1465</v>
      </c>
    </row>
    <row r="5350" spans="1:3" x14ac:dyDescent="0.15">
      <c r="A5350" s="3">
        <v>2011413370</v>
      </c>
      <c r="B5350" s="4" t="s">
        <v>5161</v>
      </c>
      <c r="C5350" s="3" t="s">
        <v>5162</v>
      </c>
    </row>
    <row r="5351" spans="1:3" x14ac:dyDescent="0.15">
      <c r="A5351" s="3">
        <v>2011413463</v>
      </c>
      <c r="B5351" s="4" t="s">
        <v>5275</v>
      </c>
      <c r="C5351" s="3" t="s">
        <v>5276</v>
      </c>
    </row>
    <row r="5352" spans="1:3" ht="27" x14ac:dyDescent="0.15">
      <c r="A5352" s="3">
        <v>2011413726</v>
      </c>
      <c r="B5352" s="4" t="s">
        <v>5594</v>
      </c>
      <c r="C5352" s="3" t="s">
        <v>5595</v>
      </c>
    </row>
    <row r="5353" spans="1:3" ht="27" x14ac:dyDescent="0.15">
      <c r="A5353" s="3">
        <v>2011410157</v>
      </c>
      <c r="B5353" s="4" t="s">
        <v>1292</v>
      </c>
      <c r="C5353" s="3" t="s">
        <v>1293</v>
      </c>
    </row>
    <row r="5354" spans="1:3" ht="27" x14ac:dyDescent="0.15">
      <c r="A5354" s="3">
        <v>2011410158</v>
      </c>
      <c r="B5354" s="4" t="s">
        <v>1294</v>
      </c>
      <c r="C5354" s="3" t="s">
        <v>1293</v>
      </c>
    </row>
    <row r="5355" spans="1:3" ht="27" x14ac:dyDescent="0.15">
      <c r="A5355" s="3">
        <v>2011410159</v>
      </c>
      <c r="B5355" s="4" t="s">
        <v>1295</v>
      </c>
      <c r="C5355" s="3" t="s">
        <v>1293</v>
      </c>
    </row>
    <row r="5356" spans="1:3" ht="27" x14ac:dyDescent="0.15">
      <c r="A5356" s="3">
        <v>2011410160</v>
      </c>
      <c r="B5356" s="4" t="s">
        <v>1296</v>
      </c>
      <c r="C5356" s="3" t="s">
        <v>1293</v>
      </c>
    </row>
    <row r="5357" spans="1:3" ht="27" x14ac:dyDescent="0.15">
      <c r="A5357" s="3">
        <v>2011411904</v>
      </c>
      <c r="B5357" s="4" t="s">
        <v>3384</v>
      </c>
      <c r="C5357" s="3" t="s">
        <v>3385</v>
      </c>
    </row>
    <row r="5358" spans="1:3" ht="27" x14ac:dyDescent="0.15">
      <c r="A5358" s="3">
        <v>2011414375</v>
      </c>
      <c r="B5358" s="4" t="s">
        <v>6502</v>
      </c>
      <c r="C5358" s="3" t="s">
        <v>6503</v>
      </c>
    </row>
    <row r="5359" spans="1:3" ht="27" x14ac:dyDescent="0.15">
      <c r="A5359" s="3">
        <v>2011413758</v>
      </c>
      <c r="B5359" s="4" t="s">
        <v>5644</v>
      </c>
      <c r="C5359" s="3" t="s">
        <v>5645</v>
      </c>
    </row>
    <row r="5360" spans="1:3" ht="27" x14ac:dyDescent="0.15">
      <c r="A5360" s="3">
        <v>2011414366</v>
      </c>
      <c r="B5360" s="4" t="s">
        <v>6489</v>
      </c>
      <c r="C5360" s="3" t="s">
        <v>5645</v>
      </c>
    </row>
    <row r="5361" spans="1:3" x14ac:dyDescent="0.15">
      <c r="A5361" s="3">
        <v>2011414372</v>
      </c>
      <c r="B5361" s="4" t="s">
        <v>6497</v>
      </c>
      <c r="C5361" s="3" t="s">
        <v>6498</v>
      </c>
    </row>
    <row r="5362" spans="1:3" ht="27" x14ac:dyDescent="0.15">
      <c r="A5362" s="3">
        <v>2011414374</v>
      </c>
      <c r="B5362" s="4" t="s">
        <v>6500</v>
      </c>
      <c r="C5362" s="3" t="s">
        <v>6501</v>
      </c>
    </row>
    <row r="5363" spans="1:3" ht="40.5" x14ac:dyDescent="0.15">
      <c r="A5363" s="3">
        <v>2011413759</v>
      </c>
      <c r="B5363" s="4" t="s">
        <v>5646</v>
      </c>
      <c r="C5363" s="3" t="s">
        <v>5647</v>
      </c>
    </row>
    <row r="5364" spans="1:3" ht="27" x14ac:dyDescent="0.15">
      <c r="A5364" s="3">
        <v>2008400881</v>
      </c>
      <c r="B5364" s="4" t="s">
        <v>1025</v>
      </c>
      <c r="C5364" s="3" t="s">
        <v>1026</v>
      </c>
    </row>
    <row r="5365" spans="1:3" ht="27" x14ac:dyDescent="0.15">
      <c r="A5365" s="3">
        <v>2008400882</v>
      </c>
      <c r="B5365" s="4" t="s">
        <v>1027</v>
      </c>
      <c r="C5365" s="3" t="s">
        <v>1026</v>
      </c>
    </row>
    <row r="5366" spans="1:3" ht="27" x14ac:dyDescent="0.15">
      <c r="A5366" s="3">
        <v>2008400883</v>
      </c>
      <c r="B5366" s="4" t="s">
        <v>1028</v>
      </c>
      <c r="C5366" s="3" t="s">
        <v>1026</v>
      </c>
    </row>
    <row r="5367" spans="1:3" ht="27" x14ac:dyDescent="0.15">
      <c r="A5367" s="3">
        <v>2008400884</v>
      </c>
      <c r="B5367" s="4" t="s">
        <v>1029</v>
      </c>
      <c r="C5367" s="3" t="s">
        <v>1026</v>
      </c>
    </row>
    <row r="5368" spans="1:3" ht="27" x14ac:dyDescent="0.15">
      <c r="A5368" s="3">
        <v>2008400885</v>
      </c>
      <c r="B5368" s="4" t="s">
        <v>1030</v>
      </c>
      <c r="C5368" s="3" t="s">
        <v>1026</v>
      </c>
    </row>
    <row r="5369" spans="1:3" ht="27" x14ac:dyDescent="0.15">
      <c r="A5369" s="3">
        <v>2008400905</v>
      </c>
      <c r="B5369" s="4" t="s">
        <v>1054</v>
      </c>
      <c r="C5369" s="3" t="s">
        <v>1026</v>
      </c>
    </row>
    <row r="5370" spans="1:3" x14ac:dyDescent="0.15">
      <c r="A5370" s="3">
        <v>2008400906</v>
      </c>
      <c r="B5370" s="4" t="s">
        <v>1055</v>
      </c>
      <c r="C5370" s="3" t="s">
        <v>1026</v>
      </c>
    </row>
    <row r="5371" spans="1:3" ht="27" x14ac:dyDescent="0.15">
      <c r="A5371" s="3">
        <v>2011413578</v>
      </c>
      <c r="B5371" s="4" t="s">
        <v>5438</v>
      </c>
      <c r="C5371" s="3" t="s">
        <v>1026</v>
      </c>
    </row>
    <row r="5372" spans="1:3" ht="40.5" x14ac:dyDescent="0.15">
      <c r="A5372" s="3">
        <v>2011413579</v>
      </c>
      <c r="B5372" s="4" t="s">
        <v>5439</v>
      </c>
      <c r="C5372" s="3" t="s">
        <v>1026</v>
      </c>
    </row>
    <row r="5373" spans="1:3" ht="40.5" x14ac:dyDescent="0.15">
      <c r="A5373" s="3">
        <v>2011413580</v>
      </c>
      <c r="B5373" s="4" t="s">
        <v>5439</v>
      </c>
      <c r="C5373" s="3" t="s">
        <v>1026</v>
      </c>
    </row>
    <row r="5374" spans="1:3" ht="40.5" x14ac:dyDescent="0.15">
      <c r="A5374" s="3">
        <v>2011413581</v>
      </c>
      <c r="B5374" s="4" t="s">
        <v>5440</v>
      </c>
      <c r="C5374" s="3" t="s">
        <v>1026</v>
      </c>
    </row>
    <row r="5375" spans="1:3" ht="40.5" x14ac:dyDescent="0.15">
      <c r="A5375" s="3">
        <v>2011413582</v>
      </c>
      <c r="B5375" s="4" t="s">
        <v>5441</v>
      </c>
      <c r="C5375" s="3" t="s">
        <v>1026</v>
      </c>
    </row>
    <row r="5376" spans="1:3" ht="40.5" x14ac:dyDescent="0.15">
      <c r="A5376" s="3">
        <v>2011413583</v>
      </c>
      <c r="B5376" s="4" t="s">
        <v>5442</v>
      </c>
      <c r="C5376" s="3" t="s">
        <v>1026</v>
      </c>
    </row>
    <row r="5377" spans="1:3" ht="27" x14ac:dyDescent="0.15">
      <c r="A5377" s="3">
        <v>2011413584</v>
      </c>
      <c r="B5377" s="4" t="s">
        <v>5443</v>
      </c>
      <c r="C5377" s="3" t="s">
        <v>1026</v>
      </c>
    </row>
    <row r="5378" spans="1:3" ht="27" x14ac:dyDescent="0.15">
      <c r="A5378" s="3">
        <v>2011413585</v>
      </c>
      <c r="B5378" s="4" t="s">
        <v>5444</v>
      </c>
      <c r="C5378" s="3" t="s">
        <v>1026</v>
      </c>
    </row>
    <row r="5379" spans="1:3" ht="27" x14ac:dyDescent="0.15">
      <c r="A5379" s="3">
        <v>2011413586</v>
      </c>
      <c r="B5379" s="4" t="s">
        <v>5445</v>
      </c>
      <c r="C5379" s="3" t="s">
        <v>1026</v>
      </c>
    </row>
    <row r="5380" spans="1:3" ht="27" x14ac:dyDescent="0.15">
      <c r="A5380" s="3">
        <v>2011413587</v>
      </c>
      <c r="B5380" s="4" t="s">
        <v>5446</v>
      </c>
      <c r="C5380" s="3" t="s">
        <v>1026</v>
      </c>
    </row>
    <row r="5381" spans="1:3" ht="27" x14ac:dyDescent="0.15">
      <c r="A5381" s="3">
        <v>2011413588</v>
      </c>
      <c r="B5381" s="4" t="s">
        <v>5447</v>
      </c>
      <c r="C5381" s="3" t="s">
        <v>1026</v>
      </c>
    </row>
    <row r="5382" spans="1:3" ht="27" x14ac:dyDescent="0.15">
      <c r="A5382" s="3">
        <v>2011413593</v>
      </c>
      <c r="B5382" s="4" t="s">
        <v>5452</v>
      </c>
      <c r="C5382" s="3" t="s">
        <v>1026</v>
      </c>
    </row>
    <row r="5383" spans="1:3" ht="27" x14ac:dyDescent="0.15">
      <c r="A5383" s="3">
        <v>2011413594</v>
      </c>
      <c r="B5383" s="4" t="s">
        <v>5453</v>
      </c>
      <c r="C5383" s="3" t="s">
        <v>1026</v>
      </c>
    </row>
    <row r="5384" spans="1:3" ht="27" x14ac:dyDescent="0.15">
      <c r="A5384" s="3">
        <v>2011413595</v>
      </c>
      <c r="B5384" s="4" t="s">
        <v>5454</v>
      </c>
      <c r="C5384" s="3" t="s">
        <v>1026</v>
      </c>
    </row>
    <row r="5385" spans="1:3" ht="27" x14ac:dyDescent="0.15">
      <c r="A5385" s="3">
        <v>2011413596</v>
      </c>
      <c r="B5385" s="4" t="s">
        <v>5455</v>
      </c>
      <c r="C5385" s="3" t="s">
        <v>1026</v>
      </c>
    </row>
    <row r="5386" spans="1:3" x14ac:dyDescent="0.15">
      <c r="A5386" s="3">
        <v>2011413597</v>
      </c>
      <c r="B5386" s="4" t="s">
        <v>5456</v>
      </c>
      <c r="C5386" s="3" t="s">
        <v>1026</v>
      </c>
    </row>
    <row r="5387" spans="1:3" ht="27" x14ac:dyDescent="0.15">
      <c r="A5387" s="3">
        <v>2011413598</v>
      </c>
      <c r="B5387" s="4" t="s">
        <v>5457</v>
      </c>
      <c r="C5387" s="3" t="s">
        <v>1026</v>
      </c>
    </row>
    <row r="5388" spans="1:3" ht="27" x14ac:dyDescent="0.15">
      <c r="A5388" s="3">
        <v>2011413599</v>
      </c>
      <c r="B5388" s="4" t="s">
        <v>5458</v>
      </c>
      <c r="C5388" s="3" t="s">
        <v>1026</v>
      </c>
    </row>
    <row r="5389" spans="1:3" ht="27" x14ac:dyDescent="0.15">
      <c r="A5389" s="3">
        <v>2011413600</v>
      </c>
      <c r="B5389" s="4" t="s">
        <v>5459</v>
      </c>
      <c r="C5389" s="3" t="s">
        <v>1026</v>
      </c>
    </row>
    <row r="5390" spans="1:3" ht="40.5" x14ac:dyDescent="0.15">
      <c r="A5390" s="3">
        <v>2011413601</v>
      </c>
      <c r="B5390" s="4" t="s">
        <v>5460</v>
      </c>
      <c r="C5390" s="3" t="s">
        <v>1026</v>
      </c>
    </row>
    <row r="5391" spans="1:3" ht="40.5" x14ac:dyDescent="0.15">
      <c r="A5391" s="3">
        <v>2011413602</v>
      </c>
      <c r="B5391" s="4" t="s">
        <v>5461</v>
      </c>
      <c r="C5391" s="3" t="s">
        <v>1026</v>
      </c>
    </row>
    <row r="5392" spans="1:3" ht="27" x14ac:dyDescent="0.15">
      <c r="A5392" s="3">
        <v>2011413603</v>
      </c>
      <c r="B5392" s="4" t="s">
        <v>5462</v>
      </c>
      <c r="C5392" s="3" t="s">
        <v>1026</v>
      </c>
    </row>
    <row r="5393" spans="1:3" ht="27" x14ac:dyDescent="0.15">
      <c r="A5393" s="3">
        <v>2011413604</v>
      </c>
      <c r="B5393" s="4" t="s">
        <v>5463</v>
      </c>
      <c r="C5393" s="3" t="s">
        <v>1026</v>
      </c>
    </row>
    <row r="5394" spans="1:3" x14ac:dyDescent="0.15">
      <c r="A5394" s="3">
        <v>2011413605</v>
      </c>
      <c r="B5394" s="4" t="s">
        <v>5464</v>
      </c>
      <c r="C5394" s="3" t="s">
        <v>1026</v>
      </c>
    </row>
    <row r="5395" spans="1:3" x14ac:dyDescent="0.15">
      <c r="A5395" s="3">
        <v>2011413606</v>
      </c>
      <c r="B5395" s="4" t="s">
        <v>5465</v>
      </c>
      <c r="C5395" s="3" t="s">
        <v>1026</v>
      </c>
    </row>
    <row r="5396" spans="1:3" ht="27" x14ac:dyDescent="0.15">
      <c r="A5396" s="3">
        <v>2011414373</v>
      </c>
      <c r="B5396" s="4" t="s">
        <v>6499</v>
      </c>
      <c r="C5396" s="3" t="s">
        <v>1026</v>
      </c>
    </row>
    <row r="5397" spans="1:3" ht="27" x14ac:dyDescent="0.15">
      <c r="A5397" s="3">
        <v>2011410143</v>
      </c>
      <c r="B5397" s="4" t="s">
        <v>1273</v>
      </c>
      <c r="C5397" s="3" t="s">
        <v>1274</v>
      </c>
    </row>
    <row r="5398" spans="1:3" ht="27" x14ac:dyDescent="0.15">
      <c r="A5398" s="3">
        <v>2011413727</v>
      </c>
      <c r="B5398" s="4" t="s">
        <v>5596</v>
      </c>
      <c r="C5398" s="3" t="s">
        <v>1274</v>
      </c>
    </row>
    <row r="5399" spans="1:3" ht="27" x14ac:dyDescent="0.15">
      <c r="A5399" s="3">
        <v>2011413728</v>
      </c>
      <c r="B5399" s="4" t="s">
        <v>5597</v>
      </c>
      <c r="C5399" s="3" t="s">
        <v>1274</v>
      </c>
    </row>
    <row r="5400" spans="1:3" ht="27" x14ac:dyDescent="0.15">
      <c r="A5400" s="3">
        <v>2011413719</v>
      </c>
      <c r="B5400" s="4" t="s">
        <v>5586</v>
      </c>
      <c r="C5400" s="3" t="s">
        <v>5587</v>
      </c>
    </row>
    <row r="5401" spans="1:3" ht="27" x14ac:dyDescent="0.15">
      <c r="A5401" s="3">
        <v>2011413720</v>
      </c>
      <c r="B5401" s="4" t="s">
        <v>5588</v>
      </c>
      <c r="C5401" s="3" t="s">
        <v>5587</v>
      </c>
    </row>
    <row r="5402" spans="1:3" ht="27" x14ac:dyDescent="0.15">
      <c r="A5402" s="3">
        <v>2011413721</v>
      </c>
      <c r="B5402" s="4" t="s">
        <v>5589</v>
      </c>
      <c r="C5402" s="3" t="s">
        <v>5587</v>
      </c>
    </row>
    <row r="5403" spans="1:3" ht="27" x14ac:dyDescent="0.15">
      <c r="A5403" s="3">
        <v>2011413722</v>
      </c>
      <c r="B5403" s="4" t="s">
        <v>5590</v>
      </c>
      <c r="C5403" s="3" t="s">
        <v>5587</v>
      </c>
    </row>
    <row r="5404" spans="1:3" ht="27" x14ac:dyDescent="0.15">
      <c r="A5404" s="3">
        <v>2011413723</v>
      </c>
      <c r="B5404" s="4" t="s">
        <v>5591</v>
      </c>
      <c r="C5404" s="3" t="s">
        <v>5587</v>
      </c>
    </row>
    <row r="5405" spans="1:3" ht="27" x14ac:dyDescent="0.15">
      <c r="A5405" s="3">
        <v>2011413724</v>
      </c>
      <c r="B5405" s="4" t="s">
        <v>5592</v>
      </c>
      <c r="C5405" s="3" t="s">
        <v>5587</v>
      </c>
    </row>
    <row r="5406" spans="1:3" ht="27" x14ac:dyDescent="0.15">
      <c r="A5406" s="3">
        <v>2011413725</v>
      </c>
      <c r="B5406" s="4" t="s">
        <v>5593</v>
      </c>
      <c r="C5406" s="3" t="s">
        <v>5587</v>
      </c>
    </row>
    <row r="5407" spans="1:3" x14ac:dyDescent="0.15">
      <c r="A5407" s="3">
        <v>2011413930</v>
      </c>
      <c r="B5407" s="4" t="s">
        <v>5900</v>
      </c>
      <c r="C5407" s="3" t="s">
        <v>5901</v>
      </c>
    </row>
    <row r="5408" spans="1:3" ht="27" x14ac:dyDescent="0.15">
      <c r="A5408" s="3">
        <v>2011410293</v>
      </c>
      <c r="B5408" s="4" t="s">
        <v>1460</v>
      </c>
      <c r="C5408" s="3" t="s">
        <v>1461</v>
      </c>
    </row>
    <row r="5409" spans="1:3" ht="27" x14ac:dyDescent="0.15">
      <c r="A5409" s="3">
        <v>2011412208</v>
      </c>
      <c r="B5409" s="4" t="s">
        <v>3730</v>
      </c>
      <c r="C5409" s="3" t="s">
        <v>3731</v>
      </c>
    </row>
    <row r="5410" spans="1:3" ht="27" x14ac:dyDescent="0.15">
      <c r="A5410" s="3">
        <v>2011410185</v>
      </c>
      <c r="B5410" s="4" t="s">
        <v>1326</v>
      </c>
      <c r="C5410" s="3" t="s">
        <v>1327</v>
      </c>
    </row>
    <row r="5411" spans="1:3" ht="40.5" x14ac:dyDescent="0.15">
      <c r="A5411" s="3">
        <v>2011411459</v>
      </c>
      <c r="B5411" s="4" t="s">
        <v>2866</v>
      </c>
      <c r="C5411" s="3" t="s">
        <v>2867</v>
      </c>
    </row>
    <row r="5412" spans="1:3" ht="27" x14ac:dyDescent="0.15">
      <c r="A5412" s="3">
        <v>2011414101</v>
      </c>
      <c r="B5412" s="4" t="s">
        <v>6127</v>
      </c>
      <c r="C5412" s="3" t="s">
        <v>6128</v>
      </c>
    </row>
    <row r="5413" spans="1:3" ht="27" x14ac:dyDescent="0.15">
      <c r="A5413" s="3">
        <v>2011410604</v>
      </c>
      <c r="B5413" s="4" t="s">
        <v>1851</v>
      </c>
      <c r="C5413" s="3" t="s">
        <v>1852</v>
      </c>
    </row>
    <row r="5414" spans="1:3" ht="54" x14ac:dyDescent="0.15">
      <c r="A5414" s="3">
        <v>2011410436</v>
      </c>
      <c r="B5414" s="4" t="s">
        <v>1634</v>
      </c>
      <c r="C5414" s="3" t="s">
        <v>1635</v>
      </c>
    </row>
    <row r="5415" spans="1:3" ht="40.5" x14ac:dyDescent="0.15">
      <c r="A5415" s="3">
        <v>2011410437</v>
      </c>
      <c r="B5415" s="4" t="s">
        <v>1636</v>
      </c>
      <c r="C5415" s="3" t="s">
        <v>1635</v>
      </c>
    </row>
    <row r="5416" spans="1:3" ht="27" x14ac:dyDescent="0.15">
      <c r="A5416" s="3">
        <v>2011412806</v>
      </c>
      <c r="B5416" s="4" t="s">
        <v>4466</v>
      </c>
      <c r="C5416" s="3" t="s">
        <v>4467</v>
      </c>
    </row>
    <row r="5417" spans="1:3" ht="27" x14ac:dyDescent="0.15">
      <c r="A5417" s="3">
        <v>2011413810</v>
      </c>
      <c r="B5417" s="4" t="s">
        <v>5723</v>
      </c>
      <c r="C5417" s="3" t="s">
        <v>5724</v>
      </c>
    </row>
    <row r="5418" spans="1:3" ht="27" x14ac:dyDescent="0.15">
      <c r="A5418" s="3">
        <v>2011414191</v>
      </c>
      <c r="B5418" s="4" t="s">
        <v>6257</v>
      </c>
      <c r="C5418" s="3" t="s">
        <v>6258</v>
      </c>
    </row>
    <row r="5419" spans="1:3" x14ac:dyDescent="0.15">
      <c r="A5419" s="3">
        <v>2011411521</v>
      </c>
      <c r="B5419" s="4" t="s">
        <v>2938</v>
      </c>
      <c r="C5419" s="3" t="s">
        <v>2939</v>
      </c>
    </row>
    <row r="5420" spans="1:3" ht="27" x14ac:dyDescent="0.15">
      <c r="A5420" s="3">
        <v>2011411830</v>
      </c>
      <c r="B5420" s="4" t="s">
        <v>3280</v>
      </c>
      <c r="C5420" s="3" t="s">
        <v>3281</v>
      </c>
    </row>
    <row r="5421" spans="1:3" ht="40.5" x14ac:dyDescent="0.15">
      <c r="A5421" s="3">
        <v>2011413639</v>
      </c>
      <c r="B5421" s="4" t="s">
        <v>5506</v>
      </c>
      <c r="C5421" s="3" t="s">
        <v>5507</v>
      </c>
    </row>
    <row r="5422" spans="1:3" ht="27" x14ac:dyDescent="0.15">
      <c r="A5422" s="3">
        <v>2011414178</v>
      </c>
      <c r="B5422" s="4" t="s">
        <v>6236</v>
      </c>
      <c r="C5422" s="3" t="s">
        <v>6237</v>
      </c>
    </row>
    <row r="5423" spans="1:3" ht="40.5" x14ac:dyDescent="0.15">
      <c r="A5423" s="3">
        <v>2011410938</v>
      </c>
      <c r="B5423" s="4" t="s">
        <v>2235</v>
      </c>
      <c r="C5423" s="3" t="s">
        <v>2236</v>
      </c>
    </row>
    <row r="5424" spans="1:3" ht="40.5" x14ac:dyDescent="0.15">
      <c r="A5424" s="3">
        <v>2011414482</v>
      </c>
      <c r="B5424" s="4" t="s">
        <v>6653</v>
      </c>
      <c r="C5424" s="3" t="s">
        <v>6654</v>
      </c>
    </row>
    <row r="5425" spans="1:3" ht="27" x14ac:dyDescent="0.15">
      <c r="A5425" s="3">
        <v>2011410001</v>
      </c>
      <c r="B5425" s="4" t="s">
        <v>1060</v>
      </c>
      <c r="C5425" s="3" t="s">
        <v>1061</v>
      </c>
    </row>
    <row r="5426" spans="1:3" ht="27" x14ac:dyDescent="0.15">
      <c r="A5426" s="3">
        <v>2011410002</v>
      </c>
      <c r="B5426" s="4" t="s">
        <v>1062</v>
      </c>
      <c r="C5426" s="3" t="s">
        <v>1063</v>
      </c>
    </row>
    <row r="5427" spans="1:3" ht="27" x14ac:dyDescent="0.15">
      <c r="A5427" s="3">
        <v>2011414437</v>
      </c>
      <c r="B5427" s="4" t="s">
        <v>6575</v>
      </c>
      <c r="C5427" s="3" t="s">
        <v>6576</v>
      </c>
    </row>
    <row r="5428" spans="1:3" ht="27" x14ac:dyDescent="0.15">
      <c r="A5428" s="3">
        <v>2011414438</v>
      </c>
      <c r="B5428" s="4" t="s">
        <v>6577</v>
      </c>
      <c r="C5428" s="3" t="s">
        <v>6578</v>
      </c>
    </row>
    <row r="5429" spans="1:3" ht="27" x14ac:dyDescent="0.15">
      <c r="A5429" s="3">
        <v>2011413001</v>
      </c>
      <c r="B5429" s="4" t="s">
        <v>4713</v>
      </c>
      <c r="C5429" s="3" t="s">
        <v>4714</v>
      </c>
    </row>
    <row r="5430" spans="1:3" x14ac:dyDescent="0.15">
      <c r="A5430" s="3">
        <v>2011413794</v>
      </c>
      <c r="B5430" s="4" t="s">
        <v>5699</v>
      </c>
      <c r="C5430" s="3" t="s">
        <v>5700</v>
      </c>
    </row>
    <row r="5431" spans="1:3" x14ac:dyDescent="0.15">
      <c r="A5431" s="3">
        <v>2011413795</v>
      </c>
      <c r="B5431" s="4" t="s">
        <v>5701</v>
      </c>
      <c r="C5431" s="3" t="s">
        <v>5700</v>
      </c>
    </row>
    <row r="5432" spans="1:3" ht="27" x14ac:dyDescent="0.15">
      <c r="A5432" s="3">
        <v>2011414097</v>
      </c>
      <c r="B5432" s="4" t="s">
        <v>6119</v>
      </c>
      <c r="C5432" s="3" t="s">
        <v>6120</v>
      </c>
    </row>
    <row r="5433" spans="1:3" ht="40.5" x14ac:dyDescent="0.15">
      <c r="A5433" s="3">
        <v>2011413042</v>
      </c>
      <c r="B5433" s="4" t="s">
        <v>4775</v>
      </c>
      <c r="C5433" s="3" t="s">
        <v>4776</v>
      </c>
    </row>
    <row r="5434" spans="1:3" ht="27" x14ac:dyDescent="0.15">
      <c r="A5434" s="3">
        <v>2011413756</v>
      </c>
      <c r="B5434" s="4" t="s">
        <v>5640</v>
      </c>
      <c r="C5434" s="3" t="s">
        <v>5641</v>
      </c>
    </row>
    <row r="5435" spans="1:3" x14ac:dyDescent="0.15">
      <c r="A5435" s="3">
        <v>2011412957</v>
      </c>
      <c r="B5435" s="4" t="s">
        <v>4657</v>
      </c>
      <c r="C5435" s="3" t="s">
        <v>4658</v>
      </c>
    </row>
    <row r="5436" spans="1:3" x14ac:dyDescent="0.15">
      <c r="A5436" s="3">
        <v>2011412958</v>
      </c>
      <c r="B5436" s="4" t="s">
        <v>4659</v>
      </c>
      <c r="C5436" s="3" t="s">
        <v>4658</v>
      </c>
    </row>
    <row r="5437" spans="1:3" x14ac:dyDescent="0.15">
      <c r="A5437" s="3">
        <v>2011412538</v>
      </c>
      <c r="B5437" s="4" t="s">
        <v>4152</v>
      </c>
      <c r="C5437" s="3" t="s">
        <v>4153</v>
      </c>
    </row>
    <row r="5438" spans="1:3" ht="27" x14ac:dyDescent="0.15">
      <c r="A5438" s="3">
        <v>2008400499</v>
      </c>
      <c r="B5438" s="4" t="s">
        <v>597</v>
      </c>
      <c r="C5438" s="3" t="s">
        <v>598</v>
      </c>
    </row>
    <row r="5439" spans="1:3" ht="27" x14ac:dyDescent="0.15">
      <c r="A5439" s="3">
        <v>2011414249</v>
      </c>
      <c r="B5439" s="4" t="s">
        <v>6338</v>
      </c>
      <c r="C5439" s="3" t="s">
        <v>6339</v>
      </c>
    </row>
    <row r="5440" spans="1:3" ht="27" x14ac:dyDescent="0.15">
      <c r="A5440" s="3">
        <v>2011411228</v>
      </c>
      <c r="B5440" s="4" t="s">
        <v>2573</v>
      </c>
      <c r="C5440" s="3" t="s">
        <v>2574</v>
      </c>
    </row>
    <row r="5441" spans="1:3" ht="27" x14ac:dyDescent="0.15">
      <c r="A5441" s="3">
        <v>2011411939</v>
      </c>
      <c r="B5441" s="4" t="s">
        <v>3433</v>
      </c>
      <c r="C5441" s="3" t="s">
        <v>3434</v>
      </c>
    </row>
    <row r="5442" spans="1:3" ht="27" x14ac:dyDescent="0.15">
      <c r="A5442" s="3">
        <v>2011413966</v>
      </c>
      <c r="B5442" s="4" t="s">
        <v>5948</v>
      </c>
      <c r="C5442" s="3" t="s">
        <v>5949</v>
      </c>
    </row>
    <row r="5443" spans="1:3" ht="27" x14ac:dyDescent="0.15">
      <c r="A5443" s="3">
        <v>2011410019</v>
      </c>
      <c r="B5443" s="4" t="s">
        <v>1087</v>
      </c>
      <c r="C5443" s="3" t="s">
        <v>1088</v>
      </c>
    </row>
    <row r="5444" spans="1:3" x14ac:dyDescent="0.15">
      <c r="A5444" s="3">
        <v>2011412065</v>
      </c>
      <c r="B5444" s="4" t="s">
        <v>3574</v>
      </c>
      <c r="C5444" s="3" t="s">
        <v>3575</v>
      </c>
    </row>
    <row r="5445" spans="1:3" ht="27" x14ac:dyDescent="0.15">
      <c r="A5445" s="3">
        <v>2011413499</v>
      </c>
      <c r="B5445" s="4" t="s">
        <v>5330</v>
      </c>
      <c r="C5445" s="3" t="s">
        <v>5331</v>
      </c>
    </row>
    <row r="5446" spans="1:3" ht="27" x14ac:dyDescent="0.15">
      <c r="A5446" s="3">
        <v>2011413500</v>
      </c>
      <c r="B5446" s="4" t="s">
        <v>5330</v>
      </c>
      <c r="C5446" s="3" t="s">
        <v>5332</v>
      </c>
    </row>
    <row r="5447" spans="1:3" ht="27" x14ac:dyDescent="0.15">
      <c r="A5447" s="3">
        <v>2011414067</v>
      </c>
      <c r="B5447" s="4" t="s">
        <v>6075</v>
      </c>
      <c r="C5447" s="3" t="s">
        <v>6076</v>
      </c>
    </row>
    <row r="5448" spans="1:3" ht="27" x14ac:dyDescent="0.15">
      <c r="A5448" s="3">
        <v>2008400776</v>
      </c>
      <c r="B5448" s="4" t="s">
        <v>900</v>
      </c>
      <c r="C5448" s="3" t="s">
        <v>901</v>
      </c>
    </row>
    <row r="5449" spans="1:3" ht="27" x14ac:dyDescent="0.15">
      <c r="A5449" s="3">
        <v>2011414197</v>
      </c>
      <c r="B5449" s="4" t="s">
        <v>6267</v>
      </c>
      <c r="C5449" s="3" t="s">
        <v>6268</v>
      </c>
    </row>
    <row r="5450" spans="1:3" ht="27" x14ac:dyDescent="0.15">
      <c r="A5450" s="3">
        <v>2011411322</v>
      </c>
      <c r="B5450" s="4" t="s">
        <v>2691</v>
      </c>
      <c r="C5450" s="3" t="s">
        <v>2692</v>
      </c>
    </row>
    <row r="5451" spans="1:3" ht="27" x14ac:dyDescent="0.15">
      <c r="A5451" s="3">
        <v>2011414506</v>
      </c>
      <c r="B5451" s="4" t="s">
        <v>2691</v>
      </c>
      <c r="C5451" s="3" t="s">
        <v>2692</v>
      </c>
    </row>
    <row r="5452" spans="1:3" ht="27" x14ac:dyDescent="0.15">
      <c r="A5452" s="3">
        <v>2011411331</v>
      </c>
      <c r="B5452" s="4" t="s">
        <v>2705</v>
      </c>
      <c r="C5452" s="3" t="s">
        <v>2706</v>
      </c>
    </row>
    <row r="5453" spans="1:3" x14ac:dyDescent="0.15">
      <c r="A5453" s="3">
        <v>2011414087</v>
      </c>
      <c r="B5453" s="4" t="s">
        <v>6100</v>
      </c>
      <c r="C5453" s="3" t="s">
        <v>6101</v>
      </c>
    </row>
    <row r="5454" spans="1:3" ht="27" x14ac:dyDescent="0.15">
      <c r="A5454" s="3">
        <v>2011413765</v>
      </c>
      <c r="B5454" s="4" t="s">
        <v>5655</v>
      </c>
      <c r="C5454" s="3" t="s">
        <v>5656</v>
      </c>
    </row>
    <row r="5455" spans="1:3" ht="27" x14ac:dyDescent="0.15">
      <c r="A5455" s="3">
        <v>2011413013</v>
      </c>
      <c r="B5455" s="4" t="s">
        <v>4731</v>
      </c>
      <c r="C5455" s="3" t="s">
        <v>4732</v>
      </c>
    </row>
    <row r="5456" spans="1:3" ht="27" x14ac:dyDescent="0.15">
      <c r="A5456" s="3">
        <v>2011414508</v>
      </c>
      <c r="B5456" s="4" t="s">
        <v>6685</v>
      </c>
      <c r="C5456" s="3" t="s">
        <v>6686</v>
      </c>
    </row>
    <row r="5457" spans="1:3" ht="27" x14ac:dyDescent="0.15">
      <c r="A5457" s="3">
        <v>2011413081</v>
      </c>
      <c r="B5457" s="4" t="s">
        <v>4827</v>
      </c>
      <c r="C5457" s="3" t="s">
        <v>4828</v>
      </c>
    </row>
    <row r="5458" spans="1:3" x14ac:dyDescent="0.15">
      <c r="A5458" s="3">
        <v>2011410082</v>
      </c>
      <c r="B5458" s="4" t="s">
        <v>1193</v>
      </c>
      <c r="C5458" s="3" t="s">
        <v>1194</v>
      </c>
    </row>
    <row r="5459" spans="1:3" ht="27" x14ac:dyDescent="0.15">
      <c r="A5459" s="3">
        <v>2011413825</v>
      </c>
      <c r="B5459" s="4" t="s">
        <v>5745</v>
      </c>
      <c r="C5459" s="3" t="s">
        <v>5746</v>
      </c>
    </row>
    <row r="5460" spans="1:3" ht="27" x14ac:dyDescent="0.15">
      <c r="A5460" s="3">
        <v>2011410680</v>
      </c>
      <c r="B5460" s="4" t="s">
        <v>1951</v>
      </c>
      <c r="C5460" s="3" t="s">
        <v>1952</v>
      </c>
    </row>
    <row r="5461" spans="1:3" ht="27" x14ac:dyDescent="0.15">
      <c r="A5461" s="3">
        <v>2011413133</v>
      </c>
      <c r="B5461" s="4" t="s">
        <v>4899</v>
      </c>
      <c r="C5461" s="3" t="s">
        <v>4900</v>
      </c>
    </row>
    <row r="5462" spans="1:3" x14ac:dyDescent="0.15">
      <c r="A5462" s="3">
        <v>2011413079</v>
      </c>
      <c r="B5462" s="4" t="s">
        <v>4823</v>
      </c>
      <c r="C5462" s="3" t="s">
        <v>4824</v>
      </c>
    </row>
    <row r="5463" spans="1:3" ht="40.5" x14ac:dyDescent="0.15">
      <c r="A5463" s="3">
        <v>2011410234</v>
      </c>
      <c r="B5463" s="4" t="s">
        <v>1388</v>
      </c>
      <c r="C5463" s="3" t="s">
        <v>1389</v>
      </c>
    </row>
    <row r="5464" spans="1:3" ht="40.5" x14ac:dyDescent="0.15">
      <c r="A5464" s="3">
        <v>2011412460</v>
      </c>
      <c r="B5464" s="4" t="s">
        <v>4055</v>
      </c>
      <c r="C5464" s="3" t="s">
        <v>4056</v>
      </c>
    </row>
    <row r="5465" spans="1:3" ht="27" x14ac:dyDescent="0.15">
      <c r="A5465" s="3">
        <v>2011413770</v>
      </c>
      <c r="B5465" s="4" t="s">
        <v>5662</v>
      </c>
      <c r="C5465" s="3" t="s">
        <v>5663</v>
      </c>
    </row>
    <row r="5466" spans="1:3" x14ac:dyDescent="0.15">
      <c r="A5466" s="3">
        <v>2011412986</v>
      </c>
      <c r="B5466" s="4" t="s">
        <v>4691</v>
      </c>
      <c r="C5466" s="3" t="s">
        <v>4692</v>
      </c>
    </row>
    <row r="5467" spans="1:3" ht="40.5" x14ac:dyDescent="0.15">
      <c r="A5467" s="3">
        <v>2011410601</v>
      </c>
      <c r="B5467" s="4" t="s">
        <v>1846</v>
      </c>
      <c r="C5467" s="3" t="s">
        <v>1847</v>
      </c>
    </row>
    <row r="5468" spans="1:3" ht="27" x14ac:dyDescent="0.15">
      <c r="A5468" s="3">
        <v>2011410552</v>
      </c>
      <c r="B5468" s="4" t="s">
        <v>1772</v>
      </c>
      <c r="C5468" s="3" t="s">
        <v>1773</v>
      </c>
    </row>
    <row r="5469" spans="1:3" ht="27" x14ac:dyDescent="0.15">
      <c r="A5469" s="3">
        <v>2011412388</v>
      </c>
      <c r="B5469" s="4" t="s">
        <v>3942</v>
      </c>
      <c r="C5469" s="3" t="s">
        <v>3943</v>
      </c>
    </row>
    <row r="5470" spans="1:3" ht="27" x14ac:dyDescent="0.15">
      <c r="A5470" s="3">
        <v>2011413740</v>
      </c>
      <c r="B5470" s="4" t="s">
        <v>5615</v>
      </c>
      <c r="C5470" s="3" t="s">
        <v>5616</v>
      </c>
    </row>
    <row r="5471" spans="1:3" ht="27" x14ac:dyDescent="0.15">
      <c r="A5471" s="3">
        <v>2011413200</v>
      </c>
      <c r="B5471" s="4" t="s">
        <v>4991</v>
      </c>
      <c r="C5471" s="3" t="s">
        <v>4992</v>
      </c>
    </row>
    <row r="5472" spans="1:3" ht="27" x14ac:dyDescent="0.15">
      <c r="A5472" s="3">
        <v>2011410489</v>
      </c>
      <c r="B5472" s="4" t="s">
        <v>1697</v>
      </c>
      <c r="C5472" s="3" t="s">
        <v>1698</v>
      </c>
    </row>
    <row r="5473" spans="1:3" ht="27" x14ac:dyDescent="0.15">
      <c r="A5473" s="3">
        <v>2011410074</v>
      </c>
      <c r="B5473" s="4" t="s">
        <v>1177</v>
      </c>
      <c r="C5473" s="3" t="s">
        <v>1178</v>
      </c>
    </row>
    <row r="5474" spans="1:3" ht="27" x14ac:dyDescent="0.15">
      <c r="A5474" s="3">
        <v>2011410426</v>
      </c>
      <c r="B5474" s="4" t="s">
        <v>1619</v>
      </c>
      <c r="C5474" s="3" t="s">
        <v>1620</v>
      </c>
    </row>
    <row r="5475" spans="1:3" ht="27" x14ac:dyDescent="0.15">
      <c r="A5475" s="3">
        <v>2011412278</v>
      </c>
      <c r="B5475" s="4" t="s">
        <v>3814</v>
      </c>
      <c r="C5475" s="3" t="s">
        <v>3815</v>
      </c>
    </row>
    <row r="5476" spans="1:3" ht="54" x14ac:dyDescent="0.15">
      <c r="A5476" s="3">
        <v>2011414157</v>
      </c>
      <c r="B5476" s="4" t="s">
        <v>6204</v>
      </c>
      <c r="C5476" s="3" t="s">
        <v>6205</v>
      </c>
    </row>
    <row r="5477" spans="1:3" x14ac:dyDescent="0.15">
      <c r="A5477" s="3">
        <v>2011413002</v>
      </c>
      <c r="B5477" s="4" t="s">
        <v>4715</v>
      </c>
      <c r="C5477" s="3" t="s">
        <v>4716</v>
      </c>
    </row>
    <row r="5478" spans="1:3" ht="27" x14ac:dyDescent="0.15">
      <c r="A5478" s="3">
        <v>2008400495</v>
      </c>
      <c r="B5478" s="4" t="s">
        <v>590</v>
      </c>
      <c r="C5478" s="3" t="s">
        <v>591</v>
      </c>
    </row>
    <row r="5479" spans="1:3" ht="27" x14ac:dyDescent="0.15">
      <c r="A5479" s="3">
        <v>2011414086</v>
      </c>
      <c r="B5479" s="4" t="s">
        <v>6098</v>
      </c>
      <c r="C5479" s="3" t="s">
        <v>6099</v>
      </c>
    </row>
    <row r="5480" spans="1:3" ht="27" x14ac:dyDescent="0.15">
      <c r="A5480" s="3">
        <v>2011413373</v>
      </c>
      <c r="B5480" s="4" t="s">
        <v>5167</v>
      </c>
      <c r="C5480" s="3" t="s">
        <v>5168</v>
      </c>
    </row>
    <row r="5481" spans="1:3" ht="27" x14ac:dyDescent="0.15">
      <c r="A5481" s="3">
        <v>2011412987</v>
      </c>
      <c r="B5481" s="4" t="s">
        <v>4693</v>
      </c>
      <c r="C5481" s="3" t="s">
        <v>4694</v>
      </c>
    </row>
    <row r="5482" spans="1:3" x14ac:dyDescent="0.15">
      <c r="A5482" s="3">
        <v>2011413086</v>
      </c>
      <c r="B5482" s="4" t="s">
        <v>4835</v>
      </c>
      <c r="C5482" s="3" t="s">
        <v>4836</v>
      </c>
    </row>
  </sheetData>
  <phoneticPr fontId="1"/>
  <pageMargins left="0.70866141732283472" right="0.70866141732283472" top="0.55118110236220474" bottom="0.35433070866141736" header="0.31496062992125984" footer="0.31496062992125984"/>
  <pageSetup paperSize="9" scale="98" fitToHeight="0" orientation="portrait" r:id="rId1"/>
  <headerFooter>
    <oddHeader>&amp;LミステリSFコレクション（洋図書）&amp;R&amp;P</oddHead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3</vt:i4>
      </vt:variant>
    </vt:vector>
  </HeadingPairs>
  <TitlesOfParts>
    <vt:vector size="4" baseType="lpstr">
      <vt:lpstr>洋図書</vt:lpstr>
      <vt:lpstr>洋図書!Print_Area</vt:lpstr>
      <vt:lpstr>洋図書!Print_Titles</vt:lpstr>
      <vt:lpstr>洋図書!test</vt:lpstr>
    </vt:vector>
  </TitlesOfParts>
  <Company>成蹊学園</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02438</dc:creator>
  <cp:lastModifiedBy>s02438</cp:lastModifiedBy>
  <cp:lastPrinted>2018-01-29T06:10:21Z</cp:lastPrinted>
  <dcterms:created xsi:type="dcterms:W3CDTF">2017-11-13T00:35:02Z</dcterms:created>
  <dcterms:modified xsi:type="dcterms:W3CDTF">2018-02-01T04:41:30Z</dcterms:modified>
</cp:coreProperties>
</file>